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60" r:id="rId2"/>
  </p:sldIdLst>
  <p:sldSz cx="12192000" cy="6858000"/>
  <p:notesSz cx="7004050" cy="929005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75D7DD4-D4AF-4155-BEC2-60F230C6A559}" v="4293" dt="2025-05-14T17:55:55.733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20" y="1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7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615DDC-EC34-84E2-28C5-873DF12C267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06F7F10-EE4A-6B5F-A742-45172A33FF6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191AB6-6BFC-B13E-635C-BB65C9EF44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EAEFDFD-CB83-1ECA-CD27-562449C5C5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DB8CA3-E201-7817-F326-D9AA62B17D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95461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9C855B-EE42-3E42-9581-89583D8B6A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4553EF0-82A4-7764-397D-D8FD6435E9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B5C937-0E12-2741-A40E-004795828B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74B943-3129-82B7-DF07-75478CCEBF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DDE303C-DF1F-A01F-6222-8A27CB0FEF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09508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84D283A-A944-4B94-A8B0-88BF92150CE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03EBB33-F010-6044-7B02-7AE981F9080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CB5484-04A1-36A7-E069-91EC71CD3E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7C84CAB-3D36-B209-41D0-485308FBA1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4C24F3-0246-71DF-EF8C-2BC3334546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85675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27B9A8-2FDB-87B9-4017-FA7C8CE699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399847-F206-8F68-90A6-2ECA6407814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F25E5B-A459-9300-4DAC-03F9630948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4766771-82AC-AEB4-8C32-4D573F4D1B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FC162E8-3EED-8419-668E-142B3BBF00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91853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FA600B-8922-8724-8614-E63258C121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598AC1A-3CA6-7C06-258B-A68E2BD7074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86547B-D312-514D-E6B4-5019530CE1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77DD1D1-E40C-5336-2BAF-91F296B850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A633D0-4720-1200-E6BC-E423C99AF5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950157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D58C50-9B48-0603-05CE-ACFBD094C2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30871EF-0A35-40AE-4A0C-D2FB20EA160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1794ECD-3F37-5053-6C6A-62A268A39B1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B89796B-47CC-FC27-1A9E-9D94E474E8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4C1C0FB-E2DD-4A9B-C092-E876F38C26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13D4438-F422-7E58-103B-8AA7432617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887959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23CDBC-E44D-7557-B3D4-70EF51DE64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9EFF848-4F4C-BB49-1920-FB8C079ABD9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BC3B134-BD5C-0B06-AF02-319486412FD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00B803B-7DB2-F243-0D56-AC283E540A5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5649B66-E775-F224-F3FA-D5BF75D16ED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B659BE6-F710-7252-0160-7AE8F69310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13920CA-E775-8AD1-4708-0B2F346D87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BB319EB-9106-2549-5FC7-FED02A673D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39524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BF1DAC-9EE8-0DD2-C259-52766A98F4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60C7463-ECAE-3C3D-B8C1-7D1883A0AD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0D7C2AD-FDAB-8F19-71B1-A71E5C4DD3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460A2CB-8DFF-A9C9-1F11-E41643A8B4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321354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E5C280-2B71-8B10-9EA5-AD74A01127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AEEA6CA-B621-881C-0565-581903427D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3FAE59A-74CD-70E0-E545-FF7CA3C4A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56273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9D3DAD-3FD9-6B4D-42B0-11859C9A1F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783D1E-7CC1-0A23-D985-82F540B45A7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60F48A-F245-C389-5A40-AC100E786B1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4DDAFF-EFE6-80BC-F886-A0C002D3F0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F3C50AC-1A27-D323-2722-B32A904FFA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1302826-DD1B-5DF9-DF51-5CB8B65F9F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86599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F745D5-3F43-B95D-4734-C0B73A20FF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1519798-8A0F-D12D-8362-2C2AA44024F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3589BA6-0ABD-115C-F37C-C455A0FF914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5233D9B-7FE7-CBA6-F24D-52F41DCBDB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439AF36-57DA-9F6C-F069-B20B19D383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D33BA68-555D-F5C6-1845-ABEF2E301C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98302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659DF1B-508A-B0C8-AECF-EC244AB1BD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C0C2EC9-EAD9-CC7F-AA7F-841C70A6C3F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80A589-3540-D2B4-80E8-9A4BF557602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B2307633-961C-4001-B012-03CFEAE451C1}" type="datetimeFigureOut">
              <a:rPr lang="en-US" smtClean="0"/>
              <a:t>5/20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C56092-D349-543F-BE2C-0FC297C856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FB25DA-ECEB-026C-661E-07A38720EC3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05ED7802-C0F6-4344-9425-D32C5A554D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95133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slideLayout" Target="../slideLayouts/slideLayout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OTLSHAPE_SL2A_4a82ba5cfb534034b58645d0bd9b8c59_BackgroundRectangle" hidden="1">
            <a:extLst>
              <a:ext uri="{FF2B5EF4-FFF2-40B4-BE49-F238E27FC236}">
                <a16:creationId xmlns:a16="http://schemas.microsoft.com/office/drawing/2014/main" id="{A31AC8FB-A397-1D55-2E5C-B6EDC670DB3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17465" y="1344779"/>
            <a:ext cx="10642600" cy="282092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2A_6c10779c6e6142cb8ad07b82f6d9e1fd_BackgroundRectangle" hidden="1">
            <a:extLst>
              <a:ext uri="{FF2B5EF4-FFF2-40B4-BE49-F238E27FC236}">
                <a16:creationId xmlns:a16="http://schemas.microsoft.com/office/drawing/2014/main" id="{1493C40D-A1D4-ED8F-E7FD-34610AC4ED3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717465" y="4191103"/>
            <a:ext cx="10642600" cy="165083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4352d70d8740412283fb17dc622b4dd8_BackgroundRectangle" hidden="1">
            <a:extLst>
              <a:ext uri="{FF2B5EF4-FFF2-40B4-BE49-F238E27FC236}">
                <a16:creationId xmlns:a16="http://schemas.microsoft.com/office/drawing/2014/main" id="{9D97FA49-CBB3-28AA-8559-9CF6B1E9E0B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17465" y="5867333"/>
            <a:ext cx="10642600" cy="4807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2A_26274674121e41859fb03c0728cd6cb2_BackgroundRectangle" hidden="1">
            <a:extLst>
              <a:ext uri="{FF2B5EF4-FFF2-40B4-BE49-F238E27FC236}">
                <a16:creationId xmlns:a16="http://schemas.microsoft.com/office/drawing/2014/main" id="{D417934B-9008-DF94-CFF8-FD17958AB7C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17465" y="6373471"/>
            <a:ext cx="106426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FAAABB4B-3E37-4463-0CFC-45A830CD4885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6" name="OTLSHAPE_SL2A_4a82ba5cfb534034b58645d0bd9b8c59_HeaderRectangle" hidden="1">
            <a:extLst>
              <a:ext uri="{FF2B5EF4-FFF2-40B4-BE49-F238E27FC236}">
                <a16:creationId xmlns:a16="http://schemas.microsoft.com/office/drawing/2014/main" id="{9B695B0F-EAC3-8FAE-9596-AA062D0102C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717465" y="1344779"/>
            <a:ext cx="0" cy="0"/>
          </a:xfrm>
          <a:prstGeom prst="rect">
            <a:avLst/>
          </a:prstGeom>
          <a:solidFill>
            <a:srgbClr val="4472C4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2A_6c10779c6e6142cb8ad07b82f6d9e1fd_HeaderRectangle" hidden="1">
            <a:extLst>
              <a:ext uri="{FF2B5EF4-FFF2-40B4-BE49-F238E27FC236}">
                <a16:creationId xmlns:a16="http://schemas.microsoft.com/office/drawing/2014/main" id="{62147088-872C-49B0-572A-3A9232F8A8F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717465" y="4191103"/>
            <a:ext cx="0" cy="0"/>
          </a:xfrm>
          <a:prstGeom prst="rect">
            <a:avLst/>
          </a:prstGeom>
          <a:solidFill>
            <a:srgbClr val="4472C4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4352d70d8740412283fb17dc622b4dd8_HeaderRectangle" hidden="1">
            <a:extLst>
              <a:ext uri="{FF2B5EF4-FFF2-40B4-BE49-F238E27FC236}">
                <a16:creationId xmlns:a16="http://schemas.microsoft.com/office/drawing/2014/main" id="{723A8460-4F7F-A6E1-F69D-7A726DC5F15F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717465" y="5867333"/>
            <a:ext cx="0" cy="0"/>
          </a:xfrm>
          <a:prstGeom prst="rect">
            <a:avLst/>
          </a:prstGeom>
          <a:solidFill>
            <a:srgbClr val="4472C4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2A_26274674121e41859fb03c0728cd6cb2_HeaderRectangle" hidden="1">
            <a:extLst>
              <a:ext uri="{FF2B5EF4-FFF2-40B4-BE49-F238E27FC236}">
                <a16:creationId xmlns:a16="http://schemas.microsoft.com/office/drawing/2014/main" id="{0ACA11B6-C880-C238-C381-A07263B056B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717465" y="6373471"/>
            <a:ext cx="0" cy="0"/>
          </a:xfrm>
          <a:prstGeom prst="rect">
            <a:avLst/>
          </a:prstGeom>
          <a:solidFill>
            <a:srgbClr val="4472C4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T_fcf25ed79d9a4218b8bcb755d3953281_ShapePercentage" hidden="1">
            <a:extLst>
              <a:ext uri="{FF2B5EF4-FFF2-40B4-BE49-F238E27FC236}">
                <a16:creationId xmlns:a16="http://schemas.microsoft.com/office/drawing/2014/main" id="{0D9B0621-8660-10EA-4D60-EFB48D9E196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869806" y="425096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T_03368642797b419dbd6b6d65ef29f084_ShapePercentage" hidden="1">
            <a:extLst>
              <a:ext uri="{FF2B5EF4-FFF2-40B4-BE49-F238E27FC236}">
                <a16:creationId xmlns:a16="http://schemas.microsoft.com/office/drawing/2014/main" id="{2D5A35C6-9617-2C4F-320B-DFCC182E8E91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4212298" y="448498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T_dc997d202a7f46728822d57a0cfa65f6_ShapePercentage" hidden="1">
            <a:extLst>
              <a:ext uri="{FF2B5EF4-FFF2-40B4-BE49-F238E27FC236}">
                <a16:creationId xmlns:a16="http://schemas.microsoft.com/office/drawing/2014/main" id="{CB55EDD3-9DC8-3D1F-F1DD-C3D4F4F7864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5068526" y="471899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T_6c60ef5b98e54096b5149002f0890d59_ShapePercentage" hidden="1">
            <a:extLst>
              <a:ext uri="{FF2B5EF4-FFF2-40B4-BE49-F238E27FC236}">
                <a16:creationId xmlns:a16="http://schemas.microsoft.com/office/drawing/2014/main" id="{E2A2CD10-200E-EBB5-3E80-F8A4EA38885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468100" y="495301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SLT_4194b736234f4accb7052a09c64718c8_ShapePercentage" hidden="1">
            <a:extLst>
              <a:ext uri="{FF2B5EF4-FFF2-40B4-BE49-F238E27FC236}">
                <a16:creationId xmlns:a16="http://schemas.microsoft.com/office/drawing/2014/main" id="{52EB317F-C3F6-40A6-042A-7ECD8C7D47F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810591" y="518703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T_a30d5b9e0e0d4084b8abbbc7e43fdd95_ShapePercentage" hidden="1">
            <a:extLst>
              <a:ext uri="{FF2B5EF4-FFF2-40B4-BE49-F238E27FC236}">
                <a16:creationId xmlns:a16="http://schemas.microsoft.com/office/drawing/2014/main" id="{63A76852-8AB0-DD6A-E5F9-0821FC8F708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267246" y="542105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SLT_f1ee825af08143269ed2e9dde2cc8ec8_ShapePercentage" hidden="1">
            <a:extLst>
              <a:ext uri="{FF2B5EF4-FFF2-40B4-BE49-F238E27FC236}">
                <a16:creationId xmlns:a16="http://schemas.microsoft.com/office/drawing/2014/main" id="{00885241-22F8-DBCD-23E2-E4C2C2BEEFFE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066393" y="565507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SLT_6f1ce8fb984b45f99867000f5c21eb73_ShapePercentage" hidden="1">
            <a:extLst>
              <a:ext uri="{FF2B5EF4-FFF2-40B4-BE49-F238E27FC236}">
                <a16:creationId xmlns:a16="http://schemas.microsoft.com/office/drawing/2014/main" id="{59D5F36E-2908-8B1B-F87C-77F60AA2550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465966" y="592719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ad2e7bfd135140a8a6a45886e4bf4ed0_ShapePercentage" hidden="1">
            <a:extLst>
              <a:ext uri="{FF2B5EF4-FFF2-40B4-BE49-F238E27FC236}">
                <a16:creationId xmlns:a16="http://schemas.microsoft.com/office/drawing/2014/main" id="{8E477DC5-BA6C-EBF9-6001-D584FCEE938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721768" y="64333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2A_4a82ba5cfb534034b58645d0bd9b8c59_Header" hidden="1">
            <a:extLst>
              <a:ext uri="{FF2B5EF4-FFF2-40B4-BE49-F238E27FC236}">
                <a16:creationId xmlns:a16="http://schemas.microsoft.com/office/drawing/2014/main" id="{B5B28A4E-77C6-6BB6-8DA1-A2296BC2B1BD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2A_6c10779c6e6142cb8ad07b82f6d9e1fd_Header" hidden="1">
            <a:extLst>
              <a:ext uri="{FF2B5EF4-FFF2-40B4-BE49-F238E27FC236}">
                <a16:creationId xmlns:a16="http://schemas.microsoft.com/office/drawing/2014/main" id="{A0B72F3A-269D-B807-2EC7-E0BA0B1244BF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4352d70d8740412283fb17dc622b4dd8_Header" hidden="1">
            <a:extLst>
              <a:ext uri="{FF2B5EF4-FFF2-40B4-BE49-F238E27FC236}">
                <a16:creationId xmlns:a16="http://schemas.microsoft.com/office/drawing/2014/main" id="{9F4044D5-72A5-C79B-9FF9-3FB9AC41FEA1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2A_26274674121e41859fb03c0728cd6cb2_Header" hidden="1">
            <a:extLst>
              <a:ext uri="{FF2B5EF4-FFF2-40B4-BE49-F238E27FC236}">
                <a16:creationId xmlns:a16="http://schemas.microsoft.com/office/drawing/2014/main" id="{CA9C4A54-B4CD-0C99-E46A-95D8C9582A6F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-18735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fcf25ed79d9a4218b8bcb755d3953281_Duration" hidden="1">
            <a:extLst>
              <a:ext uri="{FF2B5EF4-FFF2-40B4-BE49-F238E27FC236}">
                <a16:creationId xmlns:a16="http://schemas.microsoft.com/office/drawing/2014/main" id="{60236EFA-26F4-04F0-3337-BE84A6C09C1A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70" name="OTLSHAPE_SLT_fcf25ed79d9a4218b8bcb755d3953281_TextPercentage" hidden="1">
            <a:extLst>
              <a:ext uri="{FF2B5EF4-FFF2-40B4-BE49-F238E27FC236}">
                <a16:creationId xmlns:a16="http://schemas.microsoft.com/office/drawing/2014/main" id="{E41858CD-A285-B7E8-4B74-EEB8ACD2132C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T_fcf25ed79d9a4218b8bcb755d3953281_StartDate" hidden="1">
            <a:extLst>
              <a:ext uri="{FF2B5EF4-FFF2-40B4-BE49-F238E27FC236}">
                <a16:creationId xmlns:a16="http://schemas.microsoft.com/office/drawing/2014/main" id="{7E63F31E-19C3-2D6E-4B90-A8955A4D6F32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fcf25ed79d9a4218b8bcb755d3953281_EndDate" hidden="1">
            <a:extLst>
              <a:ext uri="{FF2B5EF4-FFF2-40B4-BE49-F238E27FC236}">
                <a16:creationId xmlns:a16="http://schemas.microsoft.com/office/drawing/2014/main" id="{5D999DE4-BFFA-A004-2844-8FB28DB04AF8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03368642797b419dbd6b6d65ef29f084_Duration" hidden="1">
            <a:extLst>
              <a:ext uri="{FF2B5EF4-FFF2-40B4-BE49-F238E27FC236}">
                <a16:creationId xmlns:a16="http://schemas.microsoft.com/office/drawing/2014/main" id="{0005F4AB-92FA-60DE-EB78-D92FECD00A9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78" name="OTLSHAPE_SLT_03368642797b419dbd6b6d65ef29f084_TextPercentage" hidden="1">
            <a:extLst>
              <a:ext uri="{FF2B5EF4-FFF2-40B4-BE49-F238E27FC236}">
                <a16:creationId xmlns:a16="http://schemas.microsoft.com/office/drawing/2014/main" id="{967BB6D9-149A-0222-C0DF-325B6D7F776B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03368642797b419dbd6b6d65ef29f084_StartDate" hidden="1">
            <a:extLst>
              <a:ext uri="{FF2B5EF4-FFF2-40B4-BE49-F238E27FC236}">
                <a16:creationId xmlns:a16="http://schemas.microsoft.com/office/drawing/2014/main" id="{866AD215-2658-9679-DFED-628FDFB47A04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03368642797b419dbd6b6d65ef29f084_EndDate" hidden="1">
            <a:extLst>
              <a:ext uri="{FF2B5EF4-FFF2-40B4-BE49-F238E27FC236}">
                <a16:creationId xmlns:a16="http://schemas.microsoft.com/office/drawing/2014/main" id="{405B1EF6-097D-7849-A594-5A8FC2426F4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dc997d202a7f46728822d57a0cfa65f6_Duration" hidden="1">
            <a:extLst>
              <a:ext uri="{FF2B5EF4-FFF2-40B4-BE49-F238E27FC236}">
                <a16:creationId xmlns:a16="http://schemas.microsoft.com/office/drawing/2014/main" id="{6A2D3C47-CFE8-17AE-B190-89BDFB4F2C4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86" name="OTLSHAPE_SLT_dc997d202a7f46728822d57a0cfa65f6_TextPercentage" hidden="1">
            <a:extLst>
              <a:ext uri="{FF2B5EF4-FFF2-40B4-BE49-F238E27FC236}">
                <a16:creationId xmlns:a16="http://schemas.microsoft.com/office/drawing/2014/main" id="{9280FAC7-4103-173C-CAEC-76D5BCD9F1A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dc997d202a7f46728822d57a0cfa65f6_StartDate" hidden="1">
            <a:extLst>
              <a:ext uri="{FF2B5EF4-FFF2-40B4-BE49-F238E27FC236}">
                <a16:creationId xmlns:a16="http://schemas.microsoft.com/office/drawing/2014/main" id="{D1861891-2B83-9C57-DE7D-429AA81068C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dc997d202a7f46728822d57a0cfa65f6_EndDate" hidden="1">
            <a:extLst>
              <a:ext uri="{FF2B5EF4-FFF2-40B4-BE49-F238E27FC236}">
                <a16:creationId xmlns:a16="http://schemas.microsoft.com/office/drawing/2014/main" id="{169FE325-1B55-4FE0-E5FE-F2D0A5D3D96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6c60ef5b98e54096b5149002f0890d59_Duration" hidden="1">
            <a:extLst>
              <a:ext uri="{FF2B5EF4-FFF2-40B4-BE49-F238E27FC236}">
                <a16:creationId xmlns:a16="http://schemas.microsoft.com/office/drawing/2014/main" id="{96294CD2-5533-4374-412D-24BE8FE01CC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94" name="OTLSHAPE_SLT_6c60ef5b98e54096b5149002f0890d59_TextPercentage" hidden="1">
            <a:extLst>
              <a:ext uri="{FF2B5EF4-FFF2-40B4-BE49-F238E27FC236}">
                <a16:creationId xmlns:a16="http://schemas.microsoft.com/office/drawing/2014/main" id="{7A4070D7-2211-7282-51B7-845B675283A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6c60ef5b98e54096b5149002f0890d59_StartDate" hidden="1">
            <a:extLst>
              <a:ext uri="{FF2B5EF4-FFF2-40B4-BE49-F238E27FC236}">
                <a16:creationId xmlns:a16="http://schemas.microsoft.com/office/drawing/2014/main" id="{FFC256EB-89E8-B1AC-1D52-08800A9272A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SLT_6c60ef5b98e54096b5149002f0890d59_EndDate" hidden="1">
            <a:extLst>
              <a:ext uri="{FF2B5EF4-FFF2-40B4-BE49-F238E27FC236}">
                <a16:creationId xmlns:a16="http://schemas.microsoft.com/office/drawing/2014/main" id="{23016BB9-2854-03A9-DE24-9BDE879FBC9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SLT_4194b736234f4accb7052a09c64718c8_Duration" hidden="1">
            <a:extLst>
              <a:ext uri="{FF2B5EF4-FFF2-40B4-BE49-F238E27FC236}">
                <a16:creationId xmlns:a16="http://schemas.microsoft.com/office/drawing/2014/main" id="{32095408-D02D-3142-1481-62A67E92AE1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02" name="OTLSHAPE_SLT_4194b736234f4accb7052a09c64718c8_TextPercentage" hidden="1">
            <a:extLst>
              <a:ext uri="{FF2B5EF4-FFF2-40B4-BE49-F238E27FC236}">
                <a16:creationId xmlns:a16="http://schemas.microsoft.com/office/drawing/2014/main" id="{17970DAD-7AFF-76B8-2458-EFE81BC237B1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T_4194b736234f4accb7052a09c64718c8_StartDate" hidden="1">
            <a:extLst>
              <a:ext uri="{FF2B5EF4-FFF2-40B4-BE49-F238E27FC236}">
                <a16:creationId xmlns:a16="http://schemas.microsoft.com/office/drawing/2014/main" id="{CF7C17CE-8E1D-80B5-FD1C-4A6DA709D6C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SLT_4194b736234f4accb7052a09c64718c8_EndDate" hidden="1">
            <a:extLst>
              <a:ext uri="{FF2B5EF4-FFF2-40B4-BE49-F238E27FC236}">
                <a16:creationId xmlns:a16="http://schemas.microsoft.com/office/drawing/2014/main" id="{7C04A17D-E8C4-0659-D74F-5FC7BF4A992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SLT_a30d5b9e0e0d4084b8abbbc7e43fdd95_Duration" hidden="1">
            <a:extLst>
              <a:ext uri="{FF2B5EF4-FFF2-40B4-BE49-F238E27FC236}">
                <a16:creationId xmlns:a16="http://schemas.microsoft.com/office/drawing/2014/main" id="{BD71EA22-331F-E442-0D5B-B1561663A6C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10" name="OTLSHAPE_SLT_a30d5b9e0e0d4084b8abbbc7e43fdd95_TextPercentage" hidden="1">
            <a:extLst>
              <a:ext uri="{FF2B5EF4-FFF2-40B4-BE49-F238E27FC236}">
                <a16:creationId xmlns:a16="http://schemas.microsoft.com/office/drawing/2014/main" id="{B02DDABA-D23A-5804-7C4C-F20EFD23847E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a30d5b9e0e0d4084b8abbbc7e43fdd95_StartDate" hidden="1">
            <a:extLst>
              <a:ext uri="{FF2B5EF4-FFF2-40B4-BE49-F238E27FC236}">
                <a16:creationId xmlns:a16="http://schemas.microsoft.com/office/drawing/2014/main" id="{316CE336-48BA-1AED-5E93-36BAAC92DFD4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a30d5b9e0e0d4084b8abbbc7e43fdd95_EndDate" hidden="1">
            <a:extLst>
              <a:ext uri="{FF2B5EF4-FFF2-40B4-BE49-F238E27FC236}">
                <a16:creationId xmlns:a16="http://schemas.microsoft.com/office/drawing/2014/main" id="{E97922DF-5B62-8993-9FD0-2BB7776F82F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SLT_f1ee825af08143269ed2e9dde2cc8ec8_Duration" hidden="1">
            <a:extLst>
              <a:ext uri="{FF2B5EF4-FFF2-40B4-BE49-F238E27FC236}">
                <a16:creationId xmlns:a16="http://schemas.microsoft.com/office/drawing/2014/main" id="{2BFDF1E7-043C-0838-484E-E651E1976AC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8" name="OTLSHAPE_SLT_f1ee825af08143269ed2e9dde2cc8ec8_TextPercentage" hidden="1">
            <a:extLst>
              <a:ext uri="{FF2B5EF4-FFF2-40B4-BE49-F238E27FC236}">
                <a16:creationId xmlns:a16="http://schemas.microsoft.com/office/drawing/2014/main" id="{11B05118-F298-3A4F-EA6B-313EF652D68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f1ee825af08143269ed2e9dde2cc8ec8_StartDate" hidden="1">
            <a:extLst>
              <a:ext uri="{FF2B5EF4-FFF2-40B4-BE49-F238E27FC236}">
                <a16:creationId xmlns:a16="http://schemas.microsoft.com/office/drawing/2014/main" id="{FA3BE3D1-0F0A-A670-63E7-5EF9ABF34AB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f1ee825af08143269ed2e9dde2cc8ec8_EndDate" hidden="1">
            <a:extLst>
              <a:ext uri="{FF2B5EF4-FFF2-40B4-BE49-F238E27FC236}">
                <a16:creationId xmlns:a16="http://schemas.microsoft.com/office/drawing/2014/main" id="{2CC49037-AFBA-E22D-1526-722B5E26D9A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6f1ce8fb984b45f99867000f5c21eb73_Duration" hidden="1">
            <a:extLst>
              <a:ext uri="{FF2B5EF4-FFF2-40B4-BE49-F238E27FC236}">
                <a16:creationId xmlns:a16="http://schemas.microsoft.com/office/drawing/2014/main" id="{73D3A957-3E7C-8EA8-1BE0-5F12DFCFC3D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29" name="OTLSHAPE_SLT_6f1ce8fb984b45f99867000f5c21eb73_TextPercentage" hidden="1">
            <a:extLst>
              <a:ext uri="{FF2B5EF4-FFF2-40B4-BE49-F238E27FC236}">
                <a16:creationId xmlns:a16="http://schemas.microsoft.com/office/drawing/2014/main" id="{893AAE0B-0804-E233-0406-AD586617B043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6f1ce8fb984b45f99867000f5c21eb73_StartDate" hidden="1">
            <a:extLst>
              <a:ext uri="{FF2B5EF4-FFF2-40B4-BE49-F238E27FC236}">
                <a16:creationId xmlns:a16="http://schemas.microsoft.com/office/drawing/2014/main" id="{AB3E0CB6-6A59-7354-84D8-402AC71E04B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6f1ce8fb984b45f99867000f5c21eb73_EndDate" hidden="1">
            <a:extLst>
              <a:ext uri="{FF2B5EF4-FFF2-40B4-BE49-F238E27FC236}">
                <a16:creationId xmlns:a16="http://schemas.microsoft.com/office/drawing/2014/main" id="{71FF84A5-D601-0C86-98CE-67AF8EF5794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ad2e7bfd135140a8a6a45886e4bf4ed0_Duration" hidden="1">
            <a:extLst>
              <a:ext uri="{FF2B5EF4-FFF2-40B4-BE49-F238E27FC236}">
                <a16:creationId xmlns:a16="http://schemas.microsoft.com/office/drawing/2014/main" id="{06CC41E7-A778-C363-0AB1-28A39FE51A5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143" name="OTLSHAPE_SLT_ad2e7bfd135140a8a6a45886e4bf4ed0_TextPercentage" hidden="1">
            <a:extLst>
              <a:ext uri="{FF2B5EF4-FFF2-40B4-BE49-F238E27FC236}">
                <a16:creationId xmlns:a16="http://schemas.microsoft.com/office/drawing/2014/main" id="{E3D1F9B7-CBD9-53FB-F233-9B88DD6687E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SLT_ad2e7bfd135140a8a6a45886e4bf4ed0_StartDate" hidden="1">
            <a:extLst>
              <a:ext uri="{FF2B5EF4-FFF2-40B4-BE49-F238E27FC236}">
                <a16:creationId xmlns:a16="http://schemas.microsoft.com/office/drawing/2014/main" id="{011D44EC-5DCD-E31C-4EBD-48B5E34E873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T_ad2e7bfd135140a8a6a45886e4bf4ed0_EndDate" hidden="1">
            <a:extLst>
              <a:ext uri="{FF2B5EF4-FFF2-40B4-BE49-F238E27FC236}">
                <a16:creationId xmlns:a16="http://schemas.microsoft.com/office/drawing/2014/main" id="{F01D0428-5E88-425B-5F05-04137B16619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SL_bb7a7ce22cc94cc1822ae3bbbd1cacd4_BackgroundRectangle">
            <a:extLst>
              <a:ext uri="{FF2B5EF4-FFF2-40B4-BE49-F238E27FC236}">
                <a16:creationId xmlns:a16="http://schemas.microsoft.com/office/drawing/2014/main" id="{5F87455D-EFC8-BC70-F536-EAF770B3A4A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3500" y="1344779"/>
            <a:ext cx="11290300" cy="2820924"/>
          </a:xfrm>
          <a:prstGeom prst="rect">
            <a:avLst/>
          </a:prstGeom>
          <a:solidFill>
            <a:srgbClr val="A5A5A5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a7d91b17675e4bb8a5d1edb45f9101e4_BackgroundRectangle">
            <a:extLst>
              <a:ext uri="{FF2B5EF4-FFF2-40B4-BE49-F238E27FC236}">
                <a16:creationId xmlns:a16="http://schemas.microsoft.com/office/drawing/2014/main" id="{F887DB33-39C1-07B3-FA69-FF22CF6CE132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3500" y="4191103"/>
            <a:ext cx="11290300" cy="1650831"/>
          </a:xfrm>
          <a:prstGeom prst="rect">
            <a:avLst/>
          </a:prstGeom>
          <a:solidFill>
            <a:srgbClr val="A5A5A5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a482105a27d54d5f9b4a00431345e86a_BackgroundRectangle">
            <a:extLst>
              <a:ext uri="{FF2B5EF4-FFF2-40B4-BE49-F238E27FC236}">
                <a16:creationId xmlns:a16="http://schemas.microsoft.com/office/drawing/2014/main" id="{0DAF4086-5022-3AA4-3EED-A8F9B5272A5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3500" y="5867333"/>
            <a:ext cx="11290300" cy="480737"/>
          </a:xfrm>
          <a:prstGeom prst="rect">
            <a:avLst/>
          </a:prstGeom>
          <a:solidFill>
            <a:srgbClr val="A5A5A5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_4fc66b127c9b412180a38c2e3e1c15e7_BackgroundRectangle">
            <a:extLst>
              <a:ext uri="{FF2B5EF4-FFF2-40B4-BE49-F238E27FC236}">
                <a16:creationId xmlns:a16="http://schemas.microsoft.com/office/drawing/2014/main" id="{D8B63EE7-7979-DB72-C9B2-6A775FE9C324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3500" y="6373471"/>
            <a:ext cx="11290300" cy="279400"/>
          </a:xfrm>
          <a:prstGeom prst="rect">
            <a:avLst/>
          </a:prstGeom>
          <a:solidFill>
            <a:srgbClr val="A5A5A5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35398866-58DC-4D4E-F253-F02B51FB81D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1474534" y="744026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17CF5FA-C873-2BB2-1FE8-9EDE720195F3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44465" y="756557"/>
            <a:ext cx="10515600" cy="254000"/>
          </a:xfrm>
          <a:prstGeom prst="roundRect">
            <a:avLst/>
          </a:prstGeom>
          <a:solidFill>
            <a:srgbClr val="44546A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bb7a7ce22cc94cc1822ae3bbbd1cacd4_HeaderRectangle">
            <a:extLst>
              <a:ext uri="{FF2B5EF4-FFF2-40B4-BE49-F238E27FC236}">
                <a16:creationId xmlns:a16="http://schemas.microsoft.com/office/drawing/2014/main" id="{9A1F5108-056D-374A-68CA-EF423451DB32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3500" y="1344779"/>
            <a:ext cx="660400" cy="2820924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a7d91b17675e4bb8a5d1edb45f9101e4_HeaderRectangle">
            <a:extLst>
              <a:ext uri="{FF2B5EF4-FFF2-40B4-BE49-F238E27FC236}">
                <a16:creationId xmlns:a16="http://schemas.microsoft.com/office/drawing/2014/main" id="{B6F6ADE1-B922-ECCA-5794-F7DCD4DC659F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63500" y="4191103"/>
            <a:ext cx="660400" cy="1650831"/>
          </a:xfrm>
          <a:prstGeom prst="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a482105a27d54d5f9b4a00431345e86a_HeaderRectangle">
            <a:extLst>
              <a:ext uri="{FF2B5EF4-FFF2-40B4-BE49-F238E27FC236}">
                <a16:creationId xmlns:a16="http://schemas.microsoft.com/office/drawing/2014/main" id="{F16389A6-BF32-D15E-9C5C-1C1AB8F68B05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63500" y="5867333"/>
            <a:ext cx="660400" cy="480737"/>
          </a:xfrm>
          <a:prstGeom prst="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_4fc66b127c9b412180a38c2e3e1c15e7_HeaderRectangle">
            <a:extLst>
              <a:ext uri="{FF2B5EF4-FFF2-40B4-BE49-F238E27FC236}">
                <a16:creationId xmlns:a16="http://schemas.microsoft.com/office/drawing/2014/main" id="{DABDDDDB-77A0-B658-AD03-A6EB5449A316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63500" y="6373471"/>
            <a:ext cx="660400" cy="279400"/>
          </a:xfrm>
          <a:prstGeom prst="rect">
            <a:avLst/>
          </a:prstGeom>
          <a:solidFill>
            <a:schemeClr val="accent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" name="OTLSHAPE_G_00000000000000000000000000000000_ShapeBelow0">
            <a:extLst>
              <a:ext uri="{FF2B5EF4-FFF2-40B4-BE49-F238E27FC236}">
                <a16:creationId xmlns:a16="http://schemas.microsoft.com/office/drawing/2014/main" id="{C4D37EA9-D997-3802-98ED-5C6BEB667E3E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2614004" y="1010556"/>
            <a:ext cx="0" cy="56423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1">
            <a:extLst>
              <a:ext uri="{FF2B5EF4-FFF2-40B4-BE49-F238E27FC236}">
                <a16:creationId xmlns:a16="http://schemas.microsoft.com/office/drawing/2014/main" id="{92FEA349-073F-8A14-65BD-7C69AA67AB16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4326461" y="1010556"/>
            <a:ext cx="0" cy="56423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2">
            <a:extLst>
              <a:ext uri="{FF2B5EF4-FFF2-40B4-BE49-F238E27FC236}">
                <a16:creationId xmlns:a16="http://schemas.microsoft.com/office/drawing/2014/main" id="{3D854B42-6475-935E-D849-C0B01220BD3C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6096000" y="1010556"/>
            <a:ext cx="0" cy="56423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3">
            <a:extLst>
              <a:ext uri="{FF2B5EF4-FFF2-40B4-BE49-F238E27FC236}">
                <a16:creationId xmlns:a16="http://schemas.microsoft.com/office/drawing/2014/main" id="{7BC28058-F3EC-1755-ED80-7DF599D9F1B2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7865539" y="1010556"/>
            <a:ext cx="0" cy="56423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4">
            <a:extLst>
              <a:ext uri="{FF2B5EF4-FFF2-40B4-BE49-F238E27FC236}">
                <a16:creationId xmlns:a16="http://schemas.microsoft.com/office/drawing/2014/main" id="{718271D3-1ADD-AD8A-672F-50C1C9BFD072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9577996" y="1010556"/>
            <a:ext cx="0" cy="5642314"/>
          </a:xfrm>
          <a:prstGeom prst="line">
            <a:avLst/>
          </a:prstGeom>
          <a:ln w="6350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7" name="OTLSHAPE_SLT_fcf25ed79d9a4218b8bcb755d3953281_Shape">
            <a:extLst>
              <a:ext uri="{FF2B5EF4-FFF2-40B4-BE49-F238E27FC236}">
                <a16:creationId xmlns:a16="http://schemas.microsoft.com/office/drawing/2014/main" id="{C23E1596-DD9E-AB9F-6952-45FD951C9620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3869806" y="4250962"/>
            <a:ext cx="2921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SLT_03368642797b419dbd6b6d65ef29f084_Shape">
            <a:extLst>
              <a:ext uri="{FF2B5EF4-FFF2-40B4-BE49-F238E27FC236}">
                <a16:creationId xmlns:a16="http://schemas.microsoft.com/office/drawing/2014/main" id="{FE4ECF51-DE22-3387-A4DD-02A23D71F4C3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4212298" y="4484981"/>
            <a:ext cx="7493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T_dc997d202a7f46728822d57a0cfa65f6_Shape">
            <a:extLst>
              <a:ext uri="{FF2B5EF4-FFF2-40B4-BE49-F238E27FC236}">
                <a16:creationId xmlns:a16="http://schemas.microsoft.com/office/drawing/2014/main" id="{E585325F-64F9-B9CB-935E-EF6AF2F517C5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5068526" y="4718999"/>
            <a:ext cx="2921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T_6c60ef5b98e54096b5149002f0890d59_Shape">
            <a:extLst>
              <a:ext uri="{FF2B5EF4-FFF2-40B4-BE49-F238E27FC236}">
                <a16:creationId xmlns:a16="http://schemas.microsoft.com/office/drawing/2014/main" id="{3525BCD1-F256-6B3B-E772-62AA55F839B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5468100" y="4953018"/>
            <a:ext cx="685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SLT_4194b736234f4accb7052a09c64718c8_Shape">
            <a:extLst>
              <a:ext uri="{FF2B5EF4-FFF2-40B4-BE49-F238E27FC236}">
                <a16:creationId xmlns:a16="http://schemas.microsoft.com/office/drawing/2014/main" id="{EFA407B3-335F-D861-B672-6BFB59510E23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5810591" y="5187037"/>
            <a:ext cx="3429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SLT_a30d5b9e0e0d4084b8abbbc7e43fdd95_Shape">
            <a:extLst>
              <a:ext uri="{FF2B5EF4-FFF2-40B4-BE49-F238E27FC236}">
                <a16:creationId xmlns:a16="http://schemas.microsoft.com/office/drawing/2014/main" id="{FE36CCD3-8228-2CCA-9DA2-71770A621652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6267246" y="5421056"/>
            <a:ext cx="685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f1ee825af08143269ed2e9dde2cc8ec8_Shape">
            <a:extLst>
              <a:ext uri="{FF2B5EF4-FFF2-40B4-BE49-F238E27FC236}">
                <a16:creationId xmlns:a16="http://schemas.microsoft.com/office/drawing/2014/main" id="{AEA591F9-12D2-309E-7C37-A08ADFBB2946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7066393" y="5655074"/>
            <a:ext cx="2921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T_6f1ce8fb984b45f99867000f5c21eb73_Shape">
            <a:extLst>
              <a:ext uri="{FF2B5EF4-FFF2-40B4-BE49-F238E27FC236}">
                <a16:creationId xmlns:a16="http://schemas.microsoft.com/office/drawing/2014/main" id="{6968F4AE-217E-92FA-E193-99427CF50851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7465966" y="5927193"/>
            <a:ext cx="685800" cy="127000"/>
          </a:xfrm>
          <a:prstGeom prst="round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T_ad2e7bfd135140a8a6a45886e4bf4ed0_Shape">
            <a:extLst>
              <a:ext uri="{FF2B5EF4-FFF2-40B4-BE49-F238E27FC236}">
                <a16:creationId xmlns:a16="http://schemas.microsoft.com/office/drawing/2014/main" id="{EE3F720B-A5E9-D540-09E0-381E2990144A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8721768" y="6433330"/>
            <a:ext cx="1778000" cy="127000"/>
          </a:xfrm>
          <a:prstGeom prst="roundRect">
            <a:avLst/>
          </a:prstGeom>
          <a:solidFill>
            <a:schemeClr val="accent4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0F3B385F-9BAC-D40D-3E01-1BB625EDC5AA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844465" y="959757"/>
            <a:ext cx="7874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M_24d8e56223f8461bab31d28a2f1ed51d_Shape">
            <a:extLst>
              <a:ext uri="{FF2B5EF4-FFF2-40B4-BE49-F238E27FC236}">
                <a16:creationId xmlns:a16="http://schemas.microsoft.com/office/drawing/2014/main" id="{2FA21E9B-3A75-532F-87B4-DDC51394CD2A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rot="16200000">
            <a:off x="1618104" y="1385588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M_41c8b74674e949168a427585dc40e33b_Shape">
            <a:extLst>
              <a:ext uri="{FF2B5EF4-FFF2-40B4-BE49-F238E27FC236}">
                <a16:creationId xmlns:a16="http://schemas.microsoft.com/office/drawing/2014/main" id="{D6BD4F64-F03B-E7AE-A0B3-59AC58B0E165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6070493" y="2087644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SLM_9a67661965e74abf81d924844109bd92_Shape">
            <a:extLst>
              <a:ext uri="{FF2B5EF4-FFF2-40B4-BE49-F238E27FC236}">
                <a16:creationId xmlns:a16="http://schemas.microsoft.com/office/drawing/2014/main" id="{A96D43E1-B62D-26E3-D33F-9752E7207DC1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rot="16200000">
            <a:off x="8239605" y="6142162"/>
            <a:ext cx="165100" cy="165100"/>
          </a:xfrm>
          <a:prstGeom prst="flowChartMerge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M_078089bed1aa4cb0b05d10ef06258c6d_Shape">
            <a:extLst>
              <a:ext uri="{FF2B5EF4-FFF2-40B4-BE49-F238E27FC236}">
                <a16:creationId xmlns:a16="http://schemas.microsoft.com/office/drawing/2014/main" id="{E5858FF0-F00A-A63F-1027-EC6D87718453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rot="16200000">
            <a:off x="3444725" y="1853625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SLM_e13378ce2b9245a4add144df3f57d91a_Shape">
            <a:extLst>
              <a:ext uri="{FF2B5EF4-FFF2-40B4-BE49-F238E27FC236}">
                <a16:creationId xmlns:a16="http://schemas.microsoft.com/office/drawing/2014/main" id="{B34A6BFD-58D7-FDEF-8FC8-A6C30576E0C1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16200000">
            <a:off x="7897113" y="2555681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SLM_e16213240a4445d98f7ec195ba67b3da_Shape">
            <a:extLst>
              <a:ext uri="{FF2B5EF4-FFF2-40B4-BE49-F238E27FC236}">
                <a16:creationId xmlns:a16="http://schemas.microsoft.com/office/drawing/2014/main" id="{6D628976-102D-50F7-9A45-B3FD13F0454F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rot="16200000">
            <a:off x="6698393" y="2789700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M_8895267ec044448880ece05dda23c6e0_Shape">
            <a:extLst>
              <a:ext uri="{FF2B5EF4-FFF2-40B4-BE49-F238E27FC236}">
                <a16:creationId xmlns:a16="http://schemas.microsoft.com/office/drawing/2014/main" id="{8C7FE316-70F9-D344-A5EF-686DF7D3D267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 rot="16200000">
            <a:off x="8696260" y="3257737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" name="OTLSHAPE_SLM_54fd6894b3bb476495e0273e0eb0939d_Shape">
            <a:extLst>
              <a:ext uri="{FF2B5EF4-FFF2-40B4-BE49-F238E27FC236}">
                <a16:creationId xmlns:a16="http://schemas.microsoft.com/office/drawing/2014/main" id="{664FF10C-7066-C139-9727-B50434067419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 rot="16200000">
            <a:off x="6698393" y="3491756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M_89a3cd95ab164fc4bf5cea7f89745b0f_Shape">
            <a:extLst>
              <a:ext uri="{FF2B5EF4-FFF2-40B4-BE49-F238E27FC236}">
                <a16:creationId xmlns:a16="http://schemas.microsoft.com/office/drawing/2014/main" id="{04BF834F-2FDA-CD26-D67E-EF88434265A4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 rot="16200000">
            <a:off x="2759742" y="1619607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M_f07e344e5ac3435db53f5e659b2574e4_Shape">
            <a:extLst>
              <a:ext uri="{FF2B5EF4-FFF2-40B4-BE49-F238E27FC236}">
                <a16:creationId xmlns:a16="http://schemas.microsoft.com/office/drawing/2014/main" id="{57049118-9548-E252-8A71-AC311B757E61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 rot="16200000">
            <a:off x="7440458" y="2321663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SLM_9e4b9cb851944967b11dbc7dc967239b_Shape">
            <a:extLst>
              <a:ext uri="{FF2B5EF4-FFF2-40B4-BE49-F238E27FC236}">
                <a16:creationId xmlns:a16="http://schemas.microsoft.com/office/drawing/2014/main" id="{F2DC0422-5C03-B65D-914C-FF067ABD9DB8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 rot="16200000">
            <a:off x="8639178" y="3023719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M_e8ba90d2e4714ca68bfb713ae0d63426_Shape">
            <a:extLst>
              <a:ext uri="{FF2B5EF4-FFF2-40B4-BE49-F238E27FC236}">
                <a16:creationId xmlns:a16="http://schemas.microsoft.com/office/drawing/2014/main" id="{C1770180-9B92-9B05-1229-D96DB645292D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 rot="16200000">
            <a:off x="8696260" y="3725775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M_3be626781eb44d27af5afc8442bd8ad4_Shape">
            <a:extLst>
              <a:ext uri="{FF2B5EF4-FFF2-40B4-BE49-F238E27FC236}">
                <a16:creationId xmlns:a16="http://schemas.microsoft.com/office/drawing/2014/main" id="{306B603D-0E77-C973-4310-FDABE2471AFD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 rot="16200000">
            <a:off x="8696260" y="3959793"/>
            <a:ext cx="165100" cy="165100"/>
          </a:xfrm>
          <a:prstGeom prst="flowChartMerg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bb7a7ce22cc94cc1822ae3bbbd1cacd4_Header">
            <a:extLst>
              <a:ext uri="{FF2B5EF4-FFF2-40B4-BE49-F238E27FC236}">
                <a16:creationId xmlns:a16="http://schemas.microsoft.com/office/drawing/2014/main" id="{9870683F-F90E-E241-9913-51415FF62A2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3500" y="2569186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8">
                <a:solidFill>
                  <a:schemeClr val="lt1"/>
                </a:solidFill>
                <a:latin typeface="Calibri" panose="020F0502020204030204" pitchFamily="34" charset="0"/>
              </a:rPr>
              <a:t>Phase I Go Live</a:t>
            </a:r>
          </a:p>
        </p:txBody>
      </p:sp>
      <p:sp>
        <p:nvSpPr>
          <p:cNvPr id="24" name="OTLSHAPE_SL_a7d91b17675e4bb8a5d1edb45f9101e4_Header">
            <a:extLst>
              <a:ext uri="{FF2B5EF4-FFF2-40B4-BE49-F238E27FC236}">
                <a16:creationId xmlns:a16="http://schemas.microsoft.com/office/drawing/2014/main" id="{D086B4DF-481D-5F96-0BA9-26C5E2D2A48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3500" y="4737436"/>
            <a:ext cx="6604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Phase II Realization</a:t>
            </a:r>
          </a:p>
        </p:txBody>
      </p:sp>
      <p:sp>
        <p:nvSpPr>
          <p:cNvPr id="27" name="OTLSHAPE_SL_a482105a27d54d5f9b4a00431345e86a_Header">
            <a:extLst>
              <a:ext uri="{FF2B5EF4-FFF2-40B4-BE49-F238E27FC236}">
                <a16:creationId xmlns:a16="http://schemas.microsoft.com/office/drawing/2014/main" id="{A151072A-21F5-0C71-93ED-9325B20EAD35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3500" y="5921647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Phase II Deploy</a:t>
            </a:r>
          </a:p>
        </p:txBody>
      </p:sp>
      <p:sp>
        <p:nvSpPr>
          <p:cNvPr id="30" name="OTLSHAPE_SL_4fc66b127c9b412180a38c2e3e1c15e7_Header">
            <a:extLst>
              <a:ext uri="{FF2B5EF4-FFF2-40B4-BE49-F238E27FC236}">
                <a16:creationId xmlns:a16="http://schemas.microsoft.com/office/drawing/2014/main" id="{4A46E5E5-4463-3FB3-091C-63A219F64D2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3500" y="6327116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6" dirty="0" err="1">
                <a:solidFill>
                  <a:schemeClr val="lt1"/>
                </a:solidFill>
                <a:latin typeface="Calibri" panose="020F0502020204030204" pitchFamily="34" charset="0"/>
              </a:rPr>
              <a:t>HyperCare</a:t>
            </a:r>
            <a:endParaRPr lang="en-US" sz="1200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4B88F3D6-5EDC-2747-9625-DB901118FD93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1583380" y="1010557"/>
            <a:ext cx="76200" cy="84667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AD447285-13A2-E65A-8B1E-572D873DB0C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439537" y="109522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416E3822-ADAA-4EF3-76DE-C2C9CC490651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07965" y="790530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E60A9726-8102-D776-8D0B-667623ACDE3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2677504" y="790530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F2F591F0-8C46-559F-4EF4-E5DDA18E1E5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4389961" y="790530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B2F2C37-DD06-7431-4497-DB8040EDFA1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159500" y="790530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BCC403F2-1CE6-786B-47AC-A50B3089D79E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929039" y="790530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E6B38F58-51B4-4FF4-EEDD-4FA8FC6CA326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641496" y="790530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56" name="OTLSHAPE_SLM_24d8e56223f8461bab31d28a2f1ed51d_Date">
            <a:extLst>
              <a:ext uri="{FF2B5EF4-FFF2-40B4-BE49-F238E27FC236}">
                <a16:creationId xmlns:a16="http://schemas.microsoft.com/office/drawing/2014/main" id="{3A21FA3D-E275-A39E-BD26-4D0CB6F3641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185288" y="139062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44546A"/>
                </a:solidFill>
                <a:latin typeface="Calibri" panose="020F0502020204030204" pitchFamily="34" charset="0"/>
              </a:rPr>
              <a:t>May 15</a:t>
            </a:r>
          </a:p>
        </p:txBody>
      </p:sp>
      <p:sp>
        <p:nvSpPr>
          <p:cNvPr id="57" name="OTLSHAPE_SLM_24d8e56223f8461bab31d28a2f1ed51d_Title">
            <a:extLst>
              <a:ext uri="{FF2B5EF4-FFF2-40B4-BE49-F238E27FC236}">
                <a16:creationId xmlns:a16="http://schemas.microsoft.com/office/drawing/2014/main" id="{A4B779EB-20C4-AD67-794A-E82659475F0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834004" y="1382879"/>
            <a:ext cx="233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osition Description: NSCS, UNOP, UNK  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M_41c8b74674e949168a427585dc40e33b_Date">
            <a:extLst>
              <a:ext uri="{FF2B5EF4-FFF2-40B4-BE49-F238E27FC236}">
                <a16:creationId xmlns:a16="http://schemas.microsoft.com/office/drawing/2014/main" id="{DC3E547D-827C-676E-011E-614B1B3515E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726619" y="209268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60" name="OTLSHAPE_SLM_41c8b74674e949168a427585dc40e33b_Title">
            <a:extLst>
              <a:ext uri="{FF2B5EF4-FFF2-40B4-BE49-F238E27FC236}">
                <a16:creationId xmlns:a16="http://schemas.microsoft.com/office/drawing/2014/main" id="{816C5D87-6B31-0D90-B835-F6335205F95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286393" y="208493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osition Description: UNO</a:t>
            </a:r>
          </a:p>
        </p:txBody>
      </p:sp>
      <p:sp>
        <p:nvSpPr>
          <p:cNvPr id="73" name="OTLSHAPE_SLT_fcf25ed79d9a4218b8bcb755d3953281_JoinedDate">
            <a:extLst>
              <a:ext uri="{FF2B5EF4-FFF2-40B4-BE49-F238E27FC236}">
                <a16:creationId xmlns:a16="http://schemas.microsoft.com/office/drawing/2014/main" id="{4B79DDFB-178C-B03A-BE61-C69E764E563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059885" y="423695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Jun 23 - Jun 27</a:t>
            </a:r>
          </a:p>
        </p:txBody>
      </p:sp>
      <p:sp>
        <p:nvSpPr>
          <p:cNvPr id="74" name="OTLSHAPE_SLT_fcf25ed79d9a4218b8bcb755d3953281_Title">
            <a:extLst>
              <a:ext uri="{FF2B5EF4-FFF2-40B4-BE49-F238E27FC236}">
                <a16:creationId xmlns:a16="http://schemas.microsoft.com/office/drawing/2014/main" id="{13FEB60E-E9A9-F19D-0C84-FBC5B9865E46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4205976" y="4229203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teration 1 (Review Workshop Results)</a:t>
            </a:r>
          </a:p>
        </p:txBody>
      </p:sp>
      <p:sp>
        <p:nvSpPr>
          <p:cNvPr id="81" name="OTLSHAPE_SLT_03368642797b419dbd6b6d65ef29f084_JoinedDate">
            <a:extLst>
              <a:ext uri="{FF2B5EF4-FFF2-40B4-BE49-F238E27FC236}">
                <a16:creationId xmlns:a16="http://schemas.microsoft.com/office/drawing/2014/main" id="{A88E6C3C-54EF-53F3-D31E-17472866717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3439968" y="447096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Jun 29 - Jul 11</a:t>
            </a:r>
          </a:p>
        </p:txBody>
      </p:sp>
      <p:sp>
        <p:nvSpPr>
          <p:cNvPr id="82" name="OTLSHAPE_SLT_03368642797b419dbd6b6d65ef29f084_Title">
            <a:extLst>
              <a:ext uri="{FF2B5EF4-FFF2-40B4-BE49-F238E27FC236}">
                <a16:creationId xmlns:a16="http://schemas.microsoft.com/office/drawing/2014/main" id="{EB28CF9B-54FB-7DCA-9DEC-33693B9E65ED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5005123" y="4463221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Updates Based on Iteration 1</a:t>
            </a:r>
          </a:p>
        </p:txBody>
      </p:sp>
      <p:sp>
        <p:nvSpPr>
          <p:cNvPr id="89" name="OTLSHAPE_SLT_dc997d202a7f46728822d57a0cfa65f6_JoinedDate">
            <a:extLst>
              <a:ext uri="{FF2B5EF4-FFF2-40B4-BE49-F238E27FC236}">
                <a16:creationId xmlns:a16="http://schemas.microsoft.com/office/drawing/2014/main" id="{82276CF7-A7C4-551D-22C3-E765671E42D2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4333789" y="4704987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Jul 14 - Jul 18</a:t>
            </a:r>
          </a:p>
        </p:txBody>
      </p:sp>
      <p:sp>
        <p:nvSpPr>
          <p:cNvPr id="90" name="OTLSHAPE_SLT_dc997d202a7f46728822d57a0cfa65f6_Title">
            <a:extLst>
              <a:ext uri="{FF2B5EF4-FFF2-40B4-BE49-F238E27FC236}">
                <a16:creationId xmlns:a16="http://schemas.microsoft.com/office/drawing/2014/main" id="{8078DEA4-F5EB-1619-3434-17A55964A2AE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5404696" y="46972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Iteration 2</a:t>
            </a:r>
          </a:p>
        </p:txBody>
      </p:sp>
      <p:sp>
        <p:nvSpPr>
          <p:cNvPr id="97" name="OTLSHAPE_SLT_6c60ef5b98e54096b5149002f0890d59_JoinedDate">
            <a:extLst>
              <a:ext uri="{FF2B5EF4-FFF2-40B4-BE49-F238E27FC236}">
                <a16:creationId xmlns:a16="http://schemas.microsoft.com/office/drawing/2014/main" id="{F890E676-6C0B-1EF1-59F4-538D33EDC71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4734124" y="493900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Jul 21 - Aug 1</a:t>
            </a:r>
          </a:p>
        </p:txBody>
      </p:sp>
      <p:sp>
        <p:nvSpPr>
          <p:cNvPr id="98" name="OTLSHAPE_SLT_6c60ef5b98e54096b5149002f0890d59_Title">
            <a:extLst>
              <a:ext uri="{FF2B5EF4-FFF2-40B4-BE49-F238E27FC236}">
                <a16:creationId xmlns:a16="http://schemas.microsoft.com/office/drawing/2014/main" id="{B40DDDD0-FEB9-FA99-AFFB-B5189D042024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203843" y="4931259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Final Updates/Prep for UAT</a:t>
            </a:r>
          </a:p>
        </p:txBody>
      </p:sp>
      <p:sp>
        <p:nvSpPr>
          <p:cNvPr id="105" name="OTLSHAPE_SLT_4194b736234f4accb7052a09c64718c8_JoinedDate">
            <a:extLst>
              <a:ext uri="{FF2B5EF4-FFF2-40B4-BE49-F238E27FC236}">
                <a16:creationId xmlns:a16="http://schemas.microsoft.com/office/drawing/2014/main" id="{88FEBEF5-5569-2907-6E99-0F08479EA2C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5076615" y="517302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Jul 27 - Aug 1</a:t>
            </a:r>
          </a:p>
        </p:txBody>
      </p:sp>
      <p:sp>
        <p:nvSpPr>
          <p:cNvPr id="106" name="OTLSHAPE_SLT_4194b736234f4accb7052a09c64718c8_Title">
            <a:extLst>
              <a:ext uri="{FF2B5EF4-FFF2-40B4-BE49-F238E27FC236}">
                <a16:creationId xmlns:a16="http://schemas.microsoft.com/office/drawing/2014/main" id="{C493F89F-61C1-84B7-D914-A086625DECDB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203843" y="5165277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KT to Sys Admins</a:t>
            </a:r>
          </a:p>
        </p:txBody>
      </p:sp>
      <p:sp>
        <p:nvSpPr>
          <p:cNvPr id="113" name="OTLSHAPE_SLT_a30d5b9e0e0d4084b8abbbc7e43fdd95_JoinedDate">
            <a:extLst>
              <a:ext uri="{FF2B5EF4-FFF2-40B4-BE49-F238E27FC236}">
                <a16:creationId xmlns:a16="http://schemas.microsoft.com/office/drawing/2014/main" id="{14F04F3D-7EBE-904F-10F1-6528B4D93920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5469644" y="540704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Aug 4 - Aug 15</a:t>
            </a:r>
          </a:p>
        </p:txBody>
      </p:sp>
      <p:sp>
        <p:nvSpPr>
          <p:cNvPr id="114" name="OTLSHAPE_SLT_a30d5b9e0e0d4084b8abbbc7e43fdd95_Title">
            <a:extLst>
              <a:ext uri="{FF2B5EF4-FFF2-40B4-BE49-F238E27FC236}">
                <a16:creationId xmlns:a16="http://schemas.microsoft.com/office/drawing/2014/main" id="{798931D7-025B-5CE8-89B3-848616FE602E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002990" y="5399296"/>
            <a:ext cx="26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34">
                <a:solidFill>
                  <a:schemeClr val="dk1"/>
                </a:solidFill>
                <a:latin typeface="Calibri" panose="020F0502020204030204" pitchFamily="34" charset="0"/>
              </a:rPr>
              <a:t>UAT </a:t>
            </a:r>
          </a:p>
        </p:txBody>
      </p:sp>
      <p:sp>
        <p:nvSpPr>
          <p:cNvPr id="121" name="OTLSHAPE_SLT_f1ee825af08143269ed2e9dde2cc8ec8_JoinedDate">
            <a:extLst>
              <a:ext uri="{FF2B5EF4-FFF2-40B4-BE49-F238E27FC236}">
                <a16:creationId xmlns:a16="http://schemas.microsoft.com/office/drawing/2014/main" id="{C534B27A-41BF-B4FA-68EA-5DF10C121A0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204402" y="564106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Aug 18 - Aug 22</a:t>
            </a:r>
          </a:p>
        </p:txBody>
      </p:sp>
      <p:sp>
        <p:nvSpPr>
          <p:cNvPr id="122" name="OTLSHAPE_SLT_f1ee825af08143269ed2e9dde2cc8ec8_Title">
            <a:extLst>
              <a:ext uri="{FF2B5EF4-FFF2-40B4-BE49-F238E27FC236}">
                <a16:creationId xmlns:a16="http://schemas.microsoft.com/office/drawing/2014/main" id="{49CBD803-C1A6-0338-0166-192DC4BA6CCC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7402563" y="5633315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ystem Updates</a:t>
            </a:r>
          </a:p>
        </p:txBody>
      </p:sp>
      <p:sp>
        <p:nvSpPr>
          <p:cNvPr id="132" name="OTLSHAPE_SLT_6f1ce8fb984b45f99867000f5c21eb73_JoinedDate">
            <a:extLst>
              <a:ext uri="{FF2B5EF4-FFF2-40B4-BE49-F238E27FC236}">
                <a16:creationId xmlns:a16="http://schemas.microsoft.com/office/drawing/2014/main" id="{3FEFDADB-D998-CB56-6EB4-57381422C8F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6680090" y="5913181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Aug 25 - Sep 5</a:t>
            </a:r>
          </a:p>
        </p:txBody>
      </p:sp>
      <p:sp>
        <p:nvSpPr>
          <p:cNvPr id="133" name="OTLSHAPE_SLT_6f1ce8fb984b45f99867000f5c21eb73_Title">
            <a:extLst>
              <a:ext uri="{FF2B5EF4-FFF2-40B4-BE49-F238E27FC236}">
                <a16:creationId xmlns:a16="http://schemas.microsoft.com/office/drawing/2014/main" id="{3E469901-A802-2AA1-508E-CF6732373496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8201709" y="5905433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utover Go Live Prep</a:t>
            </a:r>
          </a:p>
        </p:txBody>
      </p:sp>
      <p:sp>
        <p:nvSpPr>
          <p:cNvPr id="135" name="OTLSHAPE_SLM_9a67661965e74abf81d924844109bd92_Date">
            <a:extLst>
              <a:ext uri="{FF2B5EF4-FFF2-40B4-BE49-F238E27FC236}">
                <a16:creationId xmlns:a16="http://schemas.microsoft.com/office/drawing/2014/main" id="{2769B56B-A8B1-302C-2D37-1B32B6799B49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7907458" y="614719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Sep 8</a:t>
            </a:r>
          </a:p>
        </p:txBody>
      </p:sp>
      <p:sp>
        <p:nvSpPr>
          <p:cNvPr id="136" name="OTLSHAPE_SLM_9a67661965e74abf81d924844109bd92_Title">
            <a:extLst>
              <a:ext uri="{FF2B5EF4-FFF2-40B4-BE49-F238E27FC236}">
                <a16:creationId xmlns:a16="http://schemas.microsoft.com/office/drawing/2014/main" id="{FF3D347A-3ABD-FF2B-7134-FF3FDA878FD7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8455505" y="6139452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duction System Available for Use</a:t>
            </a:r>
          </a:p>
        </p:txBody>
      </p:sp>
      <p:sp>
        <p:nvSpPr>
          <p:cNvPr id="146" name="OTLSHAPE_SLT_ad2e7bfd135140a8a6a45886e4bf4ed0_JoinedDate">
            <a:extLst>
              <a:ext uri="{FF2B5EF4-FFF2-40B4-BE49-F238E27FC236}">
                <a16:creationId xmlns:a16="http://schemas.microsoft.com/office/drawing/2014/main" id="{BCB84B81-24E7-25DD-AA85-8FBF4250103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891145" y="641931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44546A"/>
                </a:solidFill>
                <a:latin typeface="Calibri" panose="020F0502020204030204" pitchFamily="34" charset="0"/>
              </a:rPr>
              <a:t>Sep 16 - Oct 16</a:t>
            </a:r>
          </a:p>
        </p:txBody>
      </p:sp>
      <p:sp>
        <p:nvSpPr>
          <p:cNvPr id="147" name="OTLSHAPE_SLT_ad2e7bfd135140a8a6a45886e4bf4ed0_Title">
            <a:extLst>
              <a:ext uri="{FF2B5EF4-FFF2-40B4-BE49-F238E27FC236}">
                <a16:creationId xmlns:a16="http://schemas.microsoft.com/office/drawing/2014/main" id="{BF1FB79B-FC26-9CAE-FC6E-B31429085A22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0542067" y="641157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HyperCare</a:t>
            </a:r>
          </a:p>
        </p:txBody>
      </p:sp>
      <p:sp>
        <p:nvSpPr>
          <p:cNvPr id="149" name="OTLSHAPE_SLM_078089bed1aa4cb0b05d10ef06258c6d_Date">
            <a:extLst>
              <a:ext uri="{FF2B5EF4-FFF2-40B4-BE49-F238E27FC236}">
                <a16:creationId xmlns:a16="http://schemas.microsoft.com/office/drawing/2014/main" id="{47D0A48D-78F3-3FD8-E71F-B4B1C55341A9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3062497" y="185866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Jun 16</a:t>
            </a:r>
          </a:p>
        </p:txBody>
      </p:sp>
      <p:sp>
        <p:nvSpPr>
          <p:cNvPr id="150" name="OTLSHAPE_SLM_078089bed1aa4cb0b05d10ef06258c6d_Title">
            <a:extLst>
              <a:ext uri="{FF2B5EF4-FFF2-40B4-BE49-F238E27FC236}">
                <a16:creationId xmlns:a16="http://schemas.microsoft.com/office/drawing/2014/main" id="{BEB7A245-2B48-34E7-C4BF-C6C51600E9AF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660625" y="1850916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Job Board: NSCS, UNOP, UNK  </a:t>
            </a:r>
          </a:p>
        </p:txBody>
      </p:sp>
      <p:sp>
        <p:nvSpPr>
          <p:cNvPr id="152" name="OTLSHAPE_SLM_e13378ce2b9245a4add144df3f57d91a_Date">
            <a:extLst>
              <a:ext uri="{FF2B5EF4-FFF2-40B4-BE49-F238E27FC236}">
                <a16:creationId xmlns:a16="http://schemas.microsoft.com/office/drawing/2014/main" id="{76B56C34-772D-3A97-A64F-40D8BCA5273E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7564966" y="256071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Sep 2</a:t>
            </a:r>
          </a:p>
        </p:txBody>
      </p:sp>
      <p:sp>
        <p:nvSpPr>
          <p:cNvPr id="153" name="OTLSHAPE_SLM_e13378ce2b9245a4add144df3f57d91a_Title">
            <a:extLst>
              <a:ext uri="{FF2B5EF4-FFF2-40B4-BE49-F238E27FC236}">
                <a16:creationId xmlns:a16="http://schemas.microsoft.com/office/drawing/2014/main" id="{123C8A31-31F1-36AC-92CC-26B1908CF5AF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8113013" y="2552972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Job Board: UNO</a:t>
            </a:r>
          </a:p>
        </p:txBody>
      </p:sp>
      <p:sp>
        <p:nvSpPr>
          <p:cNvPr id="155" name="OTLSHAPE_SLM_e16213240a4445d98f7ec195ba67b3da_Date">
            <a:extLst>
              <a:ext uri="{FF2B5EF4-FFF2-40B4-BE49-F238E27FC236}">
                <a16:creationId xmlns:a16="http://schemas.microsoft.com/office/drawing/2014/main" id="{67140E1C-1D9A-E566-E64B-00DF0D44B130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290131" y="279473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156" name="OTLSHAPE_SLM_e16213240a4445d98f7ec195ba67b3da_Title">
            <a:extLst>
              <a:ext uri="{FF2B5EF4-FFF2-40B4-BE49-F238E27FC236}">
                <a16:creationId xmlns:a16="http://schemas.microsoft.com/office/drawing/2014/main" id="{A11CF434-11FB-0F89-3060-FE0FCF901CE9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6914293" y="2786991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osition Description: UNMC</a:t>
            </a:r>
          </a:p>
        </p:txBody>
      </p:sp>
      <p:sp>
        <p:nvSpPr>
          <p:cNvPr id="158" name="OTLSHAPE_SLM_8895267ec044448880ece05dda23c6e0_Date">
            <a:extLst>
              <a:ext uri="{FF2B5EF4-FFF2-40B4-BE49-F238E27FC236}">
                <a16:creationId xmlns:a16="http://schemas.microsoft.com/office/drawing/2014/main" id="{1AFB7481-BCFD-0A85-8455-6A777F4D4CF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8299724" y="32627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Sep 16</a:t>
            </a:r>
          </a:p>
        </p:txBody>
      </p:sp>
      <p:sp>
        <p:nvSpPr>
          <p:cNvPr id="159" name="OTLSHAPE_SLM_8895267ec044448880ece05dda23c6e0_Title">
            <a:extLst>
              <a:ext uri="{FF2B5EF4-FFF2-40B4-BE49-F238E27FC236}">
                <a16:creationId xmlns:a16="http://schemas.microsoft.com/office/drawing/2014/main" id="{D10EA40E-6B63-615F-469B-29033FB057D8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8912160" y="3255028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Job Board: UNMC</a:t>
            </a:r>
          </a:p>
        </p:txBody>
      </p:sp>
      <p:sp>
        <p:nvSpPr>
          <p:cNvPr id="161" name="OTLSHAPE_SLM_54fd6894b3bb476495e0273e0eb0939d_Date">
            <a:extLst>
              <a:ext uri="{FF2B5EF4-FFF2-40B4-BE49-F238E27FC236}">
                <a16:creationId xmlns:a16="http://schemas.microsoft.com/office/drawing/2014/main" id="{5FE05A2D-BCC9-0D7F-DB47-EBFD55F9267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6290131" y="349679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162" name="OTLSHAPE_SLM_54fd6894b3bb476495e0273e0eb0939d_Title">
            <a:extLst>
              <a:ext uri="{FF2B5EF4-FFF2-40B4-BE49-F238E27FC236}">
                <a16:creationId xmlns:a16="http://schemas.microsoft.com/office/drawing/2014/main" id="{F2692502-A2ED-13C3-469C-5800FE7B81F0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914293" y="3489047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osition Description: UNL</a:t>
            </a:r>
          </a:p>
        </p:txBody>
      </p:sp>
      <p:sp>
        <p:nvSpPr>
          <p:cNvPr id="164" name="OTLSHAPE_SLM_89a3cd95ab164fc4bf5cea7f89745b0f_Date">
            <a:extLst>
              <a:ext uri="{FF2B5EF4-FFF2-40B4-BE49-F238E27FC236}">
                <a16:creationId xmlns:a16="http://schemas.microsoft.com/office/drawing/2014/main" id="{D3F8D6E6-D047-715A-9982-5C49F013CD78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2441904" y="162464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Jun 4</a:t>
            </a:r>
          </a:p>
        </p:txBody>
      </p:sp>
      <p:sp>
        <p:nvSpPr>
          <p:cNvPr id="165" name="OTLSHAPE_SLM_89a3cd95ab164fc4bf5cea7f89745b0f_Title">
            <a:extLst>
              <a:ext uri="{FF2B5EF4-FFF2-40B4-BE49-F238E27FC236}">
                <a16:creationId xmlns:a16="http://schemas.microsoft.com/office/drawing/2014/main" id="{CA4689DA-80EE-2BDC-5AD4-7989EE505B7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2975642" y="1616897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SF Production: NSCS, UNOP, UNK 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M_f07e344e5ac3435db53f5e659b2574e4_Date">
            <a:extLst>
              <a:ext uri="{FF2B5EF4-FFF2-40B4-BE49-F238E27FC236}">
                <a16:creationId xmlns:a16="http://schemas.microsoft.com/office/drawing/2014/main" id="{862041ED-B7F8-CE39-7456-7EAD1011E5B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7032196" y="23267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Aug 25</a:t>
            </a:r>
          </a:p>
        </p:txBody>
      </p:sp>
      <p:sp>
        <p:nvSpPr>
          <p:cNvPr id="168" name="OTLSHAPE_SLM_f07e344e5ac3435db53f5e659b2574e4_Title">
            <a:extLst>
              <a:ext uri="{FF2B5EF4-FFF2-40B4-BE49-F238E27FC236}">
                <a16:creationId xmlns:a16="http://schemas.microsoft.com/office/drawing/2014/main" id="{22AC93AE-161C-36B0-8CA1-54A830A9B08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7656358" y="231895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F Production: UNO</a:t>
            </a:r>
          </a:p>
        </p:txBody>
      </p:sp>
      <p:sp>
        <p:nvSpPr>
          <p:cNvPr id="170" name="OTLSHAPE_SLM_9e4b9cb851944967b11dbc7dc967239b_Date">
            <a:extLst>
              <a:ext uri="{FF2B5EF4-FFF2-40B4-BE49-F238E27FC236}">
                <a16:creationId xmlns:a16="http://schemas.microsoft.com/office/drawing/2014/main" id="{175991D1-C4EE-F0C2-81CD-AF7CEB5B4346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8242642" y="302875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Sep 15</a:t>
            </a:r>
          </a:p>
        </p:txBody>
      </p:sp>
      <p:sp>
        <p:nvSpPr>
          <p:cNvPr id="171" name="OTLSHAPE_SLM_9e4b9cb851944967b11dbc7dc967239b_Title">
            <a:extLst>
              <a:ext uri="{FF2B5EF4-FFF2-40B4-BE49-F238E27FC236}">
                <a16:creationId xmlns:a16="http://schemas.microsoft.com/office/drawing/2014/main" id="{7660C1D5-15DA-4470-3D0B-295A94E7198E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8855078" y="3021009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F Production: UNMC</a:t>
            </a:r>
          </a:p>
        </p:txBody>
      </p:sp>
      <p:sp>
        <p:nvSpPr>
          <p:cNvPr id="173" name="OTLSHAPE_SLM_e8ba90d2e4714ca68bfb713ae0d63426_Date">
            <a:extLst>
              <a:ext uri="{FF2B5EF4-FFF2-40B4-BE49-F238E27FC236}">
                <a16:creationId xmlns:a16="http://schemas.microsoft.com/office/drawing/2014/main" id="{E2874E01-7496-7EF0-AC76-FC0DC232737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8299724" y="373081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Sep 16</a:t>
            </a:r>
          </a:p>
        </p:txBody>
      </p:sp>
      <p:sp>
        <p:nvSpPr>
          <p:cNvPr id="174" name="OTLSHAPE_SLM_e8ba90d2e4714ca68bfb713ae0d63426_Title">
            <a:extLst>
              <a:ext uri="{FF2B5EF4-FFF2-40B4-BE49-F238E27FC236}">
                <a16:creationId xmlns:a16="http://schemas.microsoft.com/office/drawing/2014/main" id="{86600663-B1BD-573F-C08B-245E6B9B5906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8912160" y="3723065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F Production: UNL</a:t>
            </a:r>
          </a:p>
        </p:txBody>
      </p:sp>
      <p:sp>
        <p:nvSpPr>
          <p:cNvPr id="176" name="OTLSHAPE_SLM_3be626781eb44d27af5afc8442bd8ad4_Date">
            <a:extLst>
              <a:ext uri="{FF2B5EF4-FFF2-40B4-BE49-F238E27FC236}">
                <a16:creationId xmlns:a16="http://schemas.microsoft.com/office/drawing/2014/main" id="{1EFA6645-9E2C-A22B-A042-94CA5B0CDDFE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8299724" y="3964831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44546A"/>
                </a:solidFill>
                <a:latin typeface="Calibri" panose="020F0502020204030204" pitchFamily="34" charset="0"/>
              </a:rPr>
              <a:t>Sep 16</a:t>
            </a:r>
          </a:p>
        </p:txBody>
      </p:sp>
      <p:sp>
        <p:nvSpPr>
          <p:cNvPr id="177" name="OTLSHAPE_SLM_3be626781eb44d27af5afc8442bd8ad4_Title">
            <a:extLst>
              <a:ext uri="{FF2B5EF4-FFF2-40B4-BE49-F238E27FC236}">
                <a16:creationId xmlns:a16="http://schemas.microsoft.com/office/drawing/2014/main" id="{900BFCA4-128D-5665-F5C9-7F439F217BA6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8912160" y="3957084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Job Board: UNL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55DC1DCD-9EDD-F01F-FF3D-003E828A21E9}"/>
              </a:ext>
            </a:extLst>
          </p:cNvPr>
          <p:cNvCxnSpPr/>
          <p:nvPr>
            <p:custDataLst>
              <p:tags r:id="rId154"/>
            </p:custDataLst>
          </p:nvPr>
        </p:nvCxnSpPr>
        <p:spPr>
          <a:xfrm>
            <a:off x="2614004" y="794657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2626DA5A-D7A7-D0A3-51F2-1F653807D1A9}"/>
              </a:ext>
            </a:extLst>
          </p:cNvPr>
          <p:cNvCxnSpPr/>
          <p:nvPr>
            <p:custDataLst>
              <p:tags r:id="rId155"/>
            </p:custDataLst>
          </p:nvPr>
        </p:nvCxnSpPr>
        <p:spPr>
          <a:xfrm>
            <a:off x="4326461" y="794657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6FA93082-886F-81F5-7462-3E035F815102}"/>
              </a:ext>
            </a:extLst>
          </p:cNvPr>
          <p:cNvCxnSpPr/>
          <p:nvPr>
            <p:custDataLst>
              <p:tags r:id="rId156"/>
            </p:custDataLst>
          </p:nvPr>
        </p:nvCxnSpPr>
        <p:spPr>
          <a:xfrm>
            <a:off x="6096000" y="794657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2F5A42B3-83C0-44EF-DA45-90EFFD67CD36}"/>
              </a:ext>
            </a:extLst>
          </p:cNvPr>
          <p:cNvCxnSpPr/>
          <p:nvPr>
            <p:custDataLst>
              <p:tags r:id="rId157"/>
            </p:custDataLst>
          </p:nvPr>
        </p:nvCxnSpPr>
        <p:spPr>
          <a:xfrm>
            <a:off x="7865539" y="794657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5BFDDDD4-FFAF-8450-634B-04FFBA54ACB3}"/>
              </a:ext>
            </a:extLst>
          </p:cNvPr>
          <p:cNvCxnSpPr/>
          <p:nvPr>
            <p:custDataLst>
              <p:tags r:id="rId158"/>
            </p:custDataLst>
          </p:nvPr>
        </p:nvCxnSpPr>
        <p:spPr>
          <a:xfrm>
            <a:off x="9577996" y="794657"/>
            <a:ext cx="0" cy="1778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71331743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yNGQ4ZTU2Mi0yM2Y4LTQ2MWItYWIzMS1kMjhhMmYxZWQ1MWQiLCJJbmRleCI6MSwiR3JvdXBJZCI6bnVsbCwiVGl0bGUiOiJQb3NpdGlvbiBEZXNjcmlwdGlvbjogTlNDUywgVU5PUCwgVU5LICAiLCJEYXRlVGltZSI6IjIwMjUtMDUtMTVUMjM6NTk6MDAiLCJQZXJjZW50YWdlQ29tcGxldGUiOm51bGwsIk5vdGUiOm51bGwsIlN0eWxlIjp7IiRpZCI6IjYiLCJUaXRsZVBvc2l0aW9uIjoiUmlnaHQiLCJEYXRlUG9zaXRpb24iOiJMZWZ0IiwiU2hhcGVUeXBlIjoyLCJTaGFwZVNpemUiOjEsIlNwYWNpbmciOjU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xMCwiRm9udE5hbWUiOiJDYWxpYnJpIiwiSXNCb2xkIjpmYWxzZSwiSXNJdGFsaWMiOmZhbHNlLCJJc1VuZGVybGluZWQiOmZhbHNlLCJQYXJlbnRTdHlsZSI6bnVsbH0sIkF1dG9TaXplIjowLCJGb3JlZ3JvdW5kIjp7IiRpZCI6IjI1IiwiQ29sb3IiOnsiJGlkIjoi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2IiwiQ29sb3IiOnsiJGlkIjoiNDciLCJBIjowLCJSIjowLCJHIjowLCJCIjowfX0sIklzVmlzaWJsZSI6dHJ1ZSwiV2lkdGgiOjAuMCwiSGVpZ2h0IjowLjAsIkJvcmRlclN0eWxlIjpudWxs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UyIiwiQ29sb3IiOnsiJGlkIjoiNTMiLCJBIjowLCJSIjowLCJHIjowLCJCIjowfX0sIklzVmlzaWJsZSI6dHJ1ZSwiV2lkdGgiOjAuMCwiSGVpZ2h0IjowLjAsIkJvcmRlclN0eWxlIjpudWxsLCJQYXJlbnRTdHlsZSI6bnVsbH0sIkRhdGVGb3JtYXQiOnsiJGlkIjoi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kiLCJDb2xvciI6eyIkaWQiOiI3MCIsIkEiOjAsIlIiOjI1NSwiRyI6MjU1LCJCIjoyNTV9fSwiSXNWaXNpYmxlIjp0cnVlLCJXaWR0aCI6MC4wLCJIZWlnaHQiOjAuMCwiQm9yZGVyU3R5bGUiOm51bGwsIlBhcmVudFN0eWxlIjpudWxsfSwiRGF0ZVN0eWxlIjp7IiRpZCI6IjcxIiwiRm9udFNldHRpbmdzIjp7IiRpZCI6IjcyIiwiRm9udFNpemUiOjEwLCJGb250TmFtZSI6IkNhbGlicmkiLCJJc0JvbGQiOmZhbHNlLCJJc0l0YWxpYyI6ZmFsc2UsIklzVW5kZXJsaW5lZCI6ZmFsc2UsIlBhcmVudFN0eWxlIjpudWxsfSwiQXV0b1NpemUiOjAsIkZvcmVncm91bmQiOnsiJGlkIjoiNzMiLCJDb2xvciI6eyIkaWQiOiI3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zUiLCJDb2xvciI6eyIkaWQiOiI3NiIsIkEiOjAsIlIiOjI1NSwiRyI6MjU1LCJCIjoyNTV9fSwiSXNWaXNpYmxlIjp0cnVlLCJXaWR0aCI6MC4wLCJIZWlnaHQiOjAuMCwiQm9yZGVyU3R5bGUiOm51bGwsIlBhcmVudFN0eWxlIjpudWxsfSwiRGF0ZUZvcm1hdCI6eyIkaWQiOiI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5MiIsIkNvbG9yIjp7IiRpZCI6IjkzIiwiQSI6MCwiUiI6MjU1LCJHIjoyNTUsIkIiOjI1NX19LCJJc1Zpc2libGUiOnRydWUsIldpZHRoIjowLjAsIkhlaWdodCI6MC4wLCJCb3JkZXJTdHlsZSI6bnVsbCwiUGFyZW50U3R5bGUiOm51bGx9LCJEYXRl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5OCIsIkNvbG9yIjp7IiRpZCI6Ijk5IiwiQSI6MCwiUiI6MjU1LCJHIjoyNTUsIkIiOjI1NX19LCJJc1Zpc2libGUiOnRydWUsIldpZHRoIjowLjAsIkhlaWdodCI6MC4wLCJCb3JkZXJTdHlsZSI6bnVsbCwiUGFyZW50U3R5bGUiOm51bGx9LCJEYXRlRm9ybWF0Ijp7IiRpZCI6IjE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yZWYiOiI0NiJ9LCJJc1Zpc2libGUiOnRydWUsIldpZHRoIjowLjAsIkhlaWdodCI6MC4wLCJCb3JkZXJTdHlsZSI6bnVsbCwiUGFyZW50U3R5bGUiOm51bGx9LCJEYXRlU3R5bGUiOnsiJGlkIjoiMTExIiwiRm9udFNldHRpbmdzIjp7IiRpZCI6IjExMiIsIkZvbnRTaXplIjoxMCwiRm9udE5hbWUiOiJDYWxpYnJpIiwiSXNCb2xkIjpmYWxzZSwiSXNJdGFsaWMiOmZhbHNlLCJJc1VuZGVybGluZWQiOmZhbHNlLCJQYXJlbnRTdHlsZSI6bnVsbH0sIkF1dG9TaXplIjowLCJGb3JlZ3JvdW5kIjp7IiRyZWYiOiI1MCJ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cmVmIjoiNTIifSwiSXNWaXNpYmxlIjp0cnVlLCJXaWR0aCI6MC4wLCJIZWlnaHQiOjAuMCwiQm9yZGVyU3R5bGUiOm51bGwsIlBhcmVudFN0eWxlIjpudWxsfSwiRGF0ZUZvcm1hdCI6eyIkcmVmIjoiNTQifSwiV2Vla051bWJlcmluZyI6eyIkaWQiOiIxMTM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jUiLCJDb2xvciI6eyIkaWQiOiIxMjYiLCJBIjowLCJSIjoyNTUsIkciOjI1NSwiQiI6MjU1fX0sIklzVmlzaWJsZSI6dHJ1ZSwiV2lkdGgiOjAuMCwiSGVpZ2h0IjowLjAsIkJvcmRlclN0eWxlIjpudWxs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MzEiLCJDb2xvciI6eyIkaWQiOiIxMzIiLCJBIjowLCJSIjoyNTUsIkciOjI1NSwiQiI6MjU1fX0sIklzVmlzaWJsZSI6dHJ1ZSwiV2lkdGgiOjAuMCwiSGVpZ2h0IjowLjAsIkJvcmRlclN0eWxlIjpudWxsLCJQYXJlbnRTdHlsZSI6bnVsbH0sIkRhdGVGb3JtYXQiOnsiJHJlZiI6Ijc3In0sIldlZWtOdW1iZXJpbmciOnsiJGlkIjoiMTMz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aWQiOiIxND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Q1IiwiQ29sb3IiOnsiJGlkIjoiMTQ2IiwiQSI6MCwiUiI6MjU1LCJHIjoyNTUsIkIiOjI1NX19LCJJc1Zpc2libGUiOnRydWUsIldpZHRoIjowLjAsIkhlaWdodCI6MC4wLCJCb3JkZXJTdHlsZSI6bnVsbCwiUGFyZW50U3R5bGUiOm51bGx9LCJEYXRlU3R5bGUiOnsiJGlkIjoiMTQ3IiwiRm9udFNldHRpbmdzIjp7IiRpZCI6IjE0OCIsIkZvbnRTaXplIjoxMCwiRm9udE5hbWUiOiJDYWxpYnJpIiwiSXNCb2xkIjpmYWxzZSwiSXNJdGFsaWMiOmZhbHNlLCJJc1VuZGVybGluZWQiOmZhbHNlLCJQYXJlbnRTdHlsZSI6bnVsbH0sIkF1dG9TaXplIjowLCJGb3JlZ3JvdW5kIjp7IiRpZCI6IjE0OSIsIkNvbG9yIjp7IiRpZCI6IjE1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UxIiwiQ29sb3IiOnsiJGlkIjoiMTUyIiwiQSI6MCwiUiI6MjU1LCJHIjoyNTUsIkIiOjI1NX19LCJJc1Zpc2libGUiOnRydWUsIldpZHRoIjowLjAsIkhlaWdodCI6MC4wLCJCb3JkZXJTdHlsZSI6bnVsbCwiUGFyZW50U3R5bGUiOm51bGx9LCJEYXRlRm9ybWF0Ijp7IiRyZWYiOiI3NyJ9LCJXZWVrTnVtYmVyaW5nIjp7IiRpZCI6IjE1My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HJlZiI6IjQ2In0sIklzVmlzaWJsZSI6dHJ1ZSwiV2lkdGgiOjAuMCwiSGVpZ2h0IjowLjAsIkJvcmRlclN0eWxlIjpudWxsLCJQYXJlbnRTdHlsZSI6bnVsbH0sIkRhdGVTdHlsZSI6eyIkaWQiOiIxNjMiLCJGb250U2V0dGluZ3MiOnsiJGlkIjoiMTY0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yZWYiOiI1MiJ9LCJJc1Zpc2libGUiOnRydWUsIldpZHRoIjowLjAsIkhlaWdodCI6MC4wLCJCb3JkZXJTdHlsZSI6bnVsbCwiUGFyZW50U3R5bGUiOm51bGx9LCJEYXRlRm9ybWF0Ijp7IiRyZWYiOiI1NCJ9LCJXZWVrTnVtYmVyaW5nIjp7IiRpZCI6IjE2NS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NzciLCJDb2xvciI6eyIkaWQiOiIxNzgiLCJBIjowLCJSIjoyNTUsIkciOjI1NSwiQiI6MjU1fX0sIklzVmlzaWJsZSI6dHJ1ZSwiV2lkdGgiOjAuMCwiSGVpZ2h0IjowLjAsIkJvcmRlclN0eWxlIjpudWxsLCJQYXJlbnRTdHlsZSI6bnVsbH0sIkRhdGVTdHlsZSI6eyIkaWQiOiIxNzkiLCJGb250U2V0dGluZ3MiOnsiJGlkIjoiMTgwIiwiRm9udFNpemUiOjEwLCJGb250TmFtZSI6IkNhbGlicmkiLCJJc0JvbGQiOmZhbHNlLCJJc0l0YWxpYyI6ZmFsc2UsIklzVW5kZXJsaW5lZCI6ZmFsc2UsIlBhcmVudFN0eWxlIjpudWxsfSwiQXV0b1NpemUiOjAsIkZvcmVncm91bmQiOnsiJGlkIjoiMTgxIiwiQ29sb3IiOnsiJGlkIjoiMTg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ODMiLCJDb2xvciI6eyIkaWQiOiIxODQiLCJBIjowLCJSIjoyNTUsIkciOjI1NSwiQiI6MjU1fX0sIklzVmlzaWJsZSI6dHJ1ZSwiV2lkdGgiOjAuMCwiSGVpZ2h0IjowLjAsIkJvcmRlclN0eWxlIjpudWxsLCJQYXJlbnRTdHlsZSI6bnVsbH0sIkRhdGVGb3JtYXQiOnsiJHJlZiI6Ijc3In0sIldlZWtOdW1iZXJpbmciOnsiJGlkIjoiMTg1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k3IiwiQ29sb3IiOnsiJGlkIjoiMTk4IiwiQSI6MCwiUiI6MjU1LCJHIjoyNTUsIkIiOjI1NX19LCJJc1Zpc2libGUiOnRydWUsIldpZHRoIjowLjAsIkhlaWdodCI6MC4wLCJCb3JkZXJTdHlsZSI6bnVsbCwiUGFyZW50U3R5bGUiOm51bGx9LCJEYXRlU3R5bGUiOnsiJGlkIjoiMTk5IiwiRm9udFNldHRpbmdzIjp7IiRpZCI6IjIwMCIsIkZvbnRTaXplIjoxMCwiRm9udE5hbWUiOiJDYWxpYnJpIiwiSXNCb2xkIjpmYWxzZSwiSXNJdGFsaWMiOmZhbHNlLCJJc1VuZGVybGluZWQiOmZhbHNlLCJQYXJlbnRTdHlsZSI6bnVsbH0sIkF1dG9TaXplIjowLCJGb3JlZ3JvdW5kIjp7IiRpZCI6IjIwMSIsIkNvbG9yIjp7IiRpZCI6IjIw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jAzIiwiQ29sb3IiOnsiJGlkIjoiMjA0IiwiQSI6MCwiUiI6MjU1LCJHIjoyNTUsIkIiOjI1NX19LCJJc1Zpc2libGUiOnRydWUsIldpZHRoIjowLjAsIkhlaWdodCI6MC4wLCJCb3JkZXJTdHlsZSI6bnVsbCwiUGFyZW50U3R5bGUiOm51bGx9LCJEYXRlRm9ybWF0Ijp7IiRyZWYiOiI3NyJ9LCJXZWVrTnVtYmVyaW5nIjp7IiRpZCI6IjIwNS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HJlZiI6IjQ2In0sIklzVmlzaWJsZSI6dHJ1ZSwiV2lkdGgiOjAuMCwiSGVpZ2h0IjowLjAsIkJvcmRlclN0eWxlIjpudWxsLCJQYXJlbnRTdHlsZSI6bnVsbH0sIkRhdGVTdHlsZSI6eyIkaWQiOiIyMTUiLCJGb250U2V0dGluZ3MiOnsiJGlkIjoiMjE2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yZWYiOiI1MiJ9LCJJc1Zpc2libGUiOnRydWUsIldpZHRoIjowLjAsIkhlaWdodCI6MC4wLCJCb3JkZXJTdHlsZSI6bnVsbCwiUGFyZW50U3R5bGUiOm51bGx9LCJEYXRlRm9ybWF0Ijp7IiRyZWYiOiI1NCJ9LCJXZWVrTnVtYmVyaW5nIjp7IiRpZCI6IjIxNy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cmVmIjoiNDYifSwiSXNWaXNpYmxlIjp0cnVlLCJXaWR0aCI6MC4wLCJIZWlnaHQiOjAuMCwiQm9yZGVyU3R5bGUiOm51bGwsIlBhcmVudFN0eWxlIjpudWxsfSwiRGF0ZVN0eWxlIjp7IiRpZCI6IjIyNyIsIkZvbnRTZXR0aW5ncyI6eyIkaWQiOiIyMjgiLCJGb250U2l6ZSI6MTAsIkZvbnROYW1lIjoiQ2FsaWJyaSIsIklzQm9sZCI6ZmFsc2UsIklzSXRhbGljIjpmYWxzZSwiSXNVbmRlcmxpbmVkIjpmYWxzZSwiUGFyZW50U3R5bGUiOm51bGx9LCJBdXRvU2l6ZSI6MCwiRm9yZWdyb3VuZCI6eyIkcmVmIjoiNTAi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HJlZiI6IjUyIn0sIklzVmlzaWJsZSI6dHJ1ZSwiV2lkdGgiOjAuMCwiSGVpZ2h0IjowLjAsIkJvcmRlclN0eWxlIjpudWxsLCJQYXJlbnRTdHlsZSI6bnVsbH0sIkRhdGVGb3JtYXQiOnsiJHJlZiI6IjU0In0sIldlZWtOdW1iZXJpbmciOnsiJGlkIjoiMjI5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m51bGx9LCJBdXRvU2l6ZSI6MCwiRm9yZWdyb3VuZCI6eyIkaWQiOiIzNTMiLCJDb2xvciI6eyIkaWQiOiIz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g3IiwiVG9wIjowLjAsIkxlZnQiOjAuMCwiUmlnaHQiOjAuMCwiQm90dG9tIjowLjB9LCJQYWRkaW5nIjp7IiRpZCI6IjM4OCIsIlRvcCI6MC4wLCJMZWZ0IjowLjAsIlJpZ2h0IjowLjAsIkJvdHRvbSI6MC4wfSwiQmFja2dyb3VuZCI6eyIkaWQiOiIzODkiLCJDb2xvciI6eyIkaWQiOiIzOTAiLCJBIjowLCJSIjoyNTUsIkciOjI1NSwiQiI6MjU1fX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EwLCJGb250TmFtZSI6IkNhbGlicmkiLCJJc0JvbGQiOmZhbHNlLCJJc0l0YWxpYyI6ZmFsc2UsIklzVW5kZXJsaW5lZCI6ZmFsc2UsIlBhcmVudFN0eWxlIjpudWxsfSwiQXV0b1NpemUiOjAsIkZvcmVncm91bmQiOnsiJGlkIjoiMzk0IiwiQ29sb3IiOnsiJGlkIjoiMzk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aWQiOiI0NjkiLCJDb2xvciI6eyIkaWQiOiI0N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pZCI6IjUxNCIsIkNvbG9yIjp7IiRpZCI6IjUxNSIsIkEiOjAsIlIiOjI1NSwiRyI6MjU1LCJCIjoyNTV9fSwiSXNWaXNpYmxlIjp0cnVlLCJXaWR0aCI6MC4wLCJIZWlnaHQiOjAuMCwiQm9yZGVyU3R5bGUiOnsiJGlkIjoiNTE2IiwiTGluZUNvbG9yIjpudWxsLCJMaW5lV2VpZ2h0IjowLjAsIkxpbmVUeXBlIjowLCJQYXJlbnRTdHlsZSI6bnVsbH0sIlBhcmVudFN0eWxlIjpudWxsfSwiRGF0ZUZvcm1hdCI6eyIkaWQiOiI1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nsiJGlkIjoiNTcyIiwiQ29sb3IiOnsiJGlkIjoiNTczIiwiQSI6MCwiUiI6MjU1LCJHIjoyNTUsIkIiOjI1NX19LCJJc1Zpc2libGUiOnRydWUsIldpZHRoIjowLjAsIkhlaWdodCI6MC4wLCJCb3JkZXJTdHlsZSI6eyIkaWQiOiI1NzQiLCJMaW5lQ29sb3IiOm51bGwsIkxpbmVXZWlnaHQiOjAuMCwiTGluZVR5cGUiOjAsIlBhcmVudFN0eWxlIjpudWxsfSwiUGFyZW50U3R5bGUiOm51bGx9LCJEYXRlRm9ybWF0Ijp7IiRpZCI6IjU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4MjUiLCJDb2xvciI6eyIkaWQiOiI4MjYiLCJBIjowLCJSIjoyNTUsIkciOjI1NSwiQiI6MjU1fX0sIklzVmlzaWJsZSI6dHJ1ZSwiV2lkdGgiOjAuMCwiSGVpZ2h0IjowLjAsIkJvcmRlclN0eWxlIjpudWxsLCJQYXJlbnRTdHlsZSI6bnVsbH0sIkRhdGVTdHlsZSI6eyIkaWQiOiI4MjciLCJGb250U2V0dGluZ3MiOnsiJGlkIjoiODI4IiwiRm9udFNpemUiOjEwLCJGb250TmFtZSI6IkNhbGlicmkiLCJJc0JvbGQiOmZhbHNlLCJJc0l0YWxpYyI6ZmFsc2UsIklzVW5kZXJsaW5lZCI6ZmFsc2UsIlBhcmVudFN0eWxlIjpudWxsfSwiQXV0b1NpemUiOjAsIkZvcmVncm91bmQiOnsiJGlkIjoiODI5IiwiQ29sb3IiOnsiJGlkIjoiODM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4MzEiLCJDb2xvciI6eyIkaWQiOiI4MzIiLCJBIjowLCJSIjoyNTUsIkciOjI1NSwiQiI6MjU1fX0sIklzVmlzaWJsZSI6dHJ1ZSwiV2lkdGgiOjAuMCwiSGVpZ2h0IjowLjAsIkJvcmRlclN0eWxlIjpudWxsLCJQYXJlbnRTdHlsZSI6bnVsbH0sIkRhdGVGb3JtYXQiOnsiJGlkIjoiOD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QzIiwiVG9wIjowLjAsIkxlZnQiOjAuMCwiUmlnaHQiOjAuMCwiQm90dG9tIjowLjB9LCJQYWRkaW5nIjp7IiRpZCI6IjExNDQiLCJUb3AiOjAuMCwiTGVmdCI6MC4wLCJSaWdodCI6MC4wLCJCb3R0b20iOjAuMH0sIkJhY2tncm91bmQiOnsiJGlkIjoiMTE0NSIsIkNvbG9yIjp7IiRpZCI6IjExNDYiLCJBIjowLCJSIjowLCJHIjowLCJCIjowfX0sIklzVmlzaWJsZSI6dHJ1ZSwiV2lkdGgiOjAuMCwiSGVpZ2h0IjowLjAsIkJvcmRlclN0eWxlIjpudWxsLCJQYXJlbnRTdHlsZSI6bnVsbH0sIkRhdGVGb3JtYXQiOnsiJGlkIjoiMTE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kyIiwiVG9wIjowLjAsIkxlZnQiOjAuMCwiUmlnaHQiOjAuMCwiQm90dG9tIjowLjB9LCJQYWRkaW5nIjp7IiRpZCI6IjExOTMiLCJUb3AiOjAuMCwiTGVmdCI6MC4wLCJSaWdodCI6MC4wLCJCb3R0b20iOjAuMH0sIkJhY2tncm91bmQiOnsiJGlkIjoiMTE5NCIsIkNvbG9yIjp7IiRpZCI6IjExOTUiLCJBIjowLCJSIjowLCJHIjowLCJCIjowfX0sIklzVmlzaWJsZSI6dHJ1ZSwiV2lkdGgiOjAuMCwiSGVpZ2h0IjowLjAsIkJvcmRlclN0eWxlIjpudWxsLCJQYXJlbnRTdHlsZSI6bnVsbH0sIkRhdGVGb3JtYXQiOnsiJGlkIjoiMT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k3IiwiRm9ybWF0IjowLCJJc1Zpc2libGUiOmZhbHNlLCJMYXN0S25vd25WaXNpYmlsaXR5U3RhdGUiOmZhbHNlfSwiSXNWaXNpYmxlIjp0cnVlLCJQYXJlbnRTdHlsZSI6bnVsbCwiX2V4cGxpY2l0bHlTZXQiOnsiJGlkIjoiMTE5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yZWYiOiI0NiJ9LCJJc1Zpc2libGUiOnRydWUsIldpZHRoIjowLjAsIkhlaWdodCI6MC4wLCJCb3JkZXJTdHlsZSI6bnVsbCwiUGFyZW50U3R5bGUiOm51bGx9LCJEYXRlU3R5bGUiOnsiJGlkIjoiMTIwNiIsIkZvbnRTZXR0aW5ncyI6eyIkaWQiOiIxMjA3IiwiRm9udFNpemUiOjEwLCJGb250TmFtZSI6IkNhbGlicmkiLCJJc0JvbGQiOmZhbHNlLCJJc0l0YWxpYyI6ZmFsc2UsIklzVW5kZXJsaW5lZCI6ZmFsc2UsIlBhcmVudFN0eWxlIjpudWxsfSwiQXV0b1NpemUiOjAsIkZvcmVncm91bmQiOnsiJHJlZiI6IjUwIn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0LjBcIn0sXCJFZmZlY3RcIjow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ExLFwiRm9udE5hbWVcIjpcIkNhbGlicmlcIixcIklzQm9sZFwiOnRydWUsXCJJc0l0YWxpY1wiOmZhbHNlLFwiSXNVbmRlcmxpbmVkXCI6ZmFsc2V9LFwiQXV0b1NpemVcIjowLFwiRm9yZWdyb3VuZFwiOntcIiRpZFwiOlwiMTE3XCIsXCJDb2xvclwiOntcIiRpZFwiOlwiMTE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aWRcIjpcIjEyMlwiLFwiQVwiOjA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wLFwiUlwiOjAsXCJHXCI6MCxcIkJcIjowfX0sXCJJc1Zpc2libGVcIjp0cnVlLFwiV2lkdGhcIjowLjAsXCJIZWlnaHRcIjowLjAsXCJCb3JkZXJTdHlsZVwiOm51bGx9LFwiVGl0bGVQb3NpdGlvblwiOjIsXCJEYXRlUG9zaXRpb25cIjpcIkxlZnRcIixcIlNoYXBlVHlwZVwiOjI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zLjAsXCJIZWlnaHRcIjoxMy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EsXCJTaGFwZVRoaWNrbmVzc1wiOjAsXCJEdXJhdGlvbkZvcm1hdFwiOjA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E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yZWZcIjpcIjM2XCJ9fSxcIklzVmlzaWJsZVwiOnRydWUsXCJXaWR0aFwiOjAuMCxcIkhlaWdodFwiOjAuMCxcIkJvcmRlclN0eWxlXCI6bnVsbH0sXCJEYXRlU3R5bGVcIjp7XCIkaWRcIjpcIjE3NVwiLFwiRm9udFNldHRpbmdzXCI6e1wiJGlkXCI6XCIxNzZcIixcIkZvbnRTaXplXCI6MTAsXCJGb250TmFtZVwiOlwiQ2FsaWJyaVwiLFwiSXNCb2xkXCI6ZmFsc2UsXCJJc0l0YWxpY1wiOmZhbHNlLFwiSXNVbmRlcmxpbmVkXCI6ZmFsc2V9LFwiQXV0b1NpemVcIjowLFwiRm9yZWdyb3VuZFwiOntcIiRpZFwiOlwiMTc3XCIsXCJDb2xvclwiOntcIiRpZFwiOlwiMTc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zlcIixcIlRvcFwiOjAuMCxcIkxlZnRcIjowLjAsXCJSaWdodFwiOjAuMCxcIkJvdHRvbVwiOjAuMH0sXCJQYWRkaW5nXCI6e1wiJGlkXCI6XCIxODBcIixcIlRvcFwiOjAuMCxcIkxlZnRcIjowLjAsXCJSaWdodFwiOjAuMCxcIkJvdHRvbVwiOjAuMH0sXCJCYWNrZ3JvdW5kXCI6e1wiJGlkXCI6XCIxODFcIixcIkNvbG9yXCI6e1wiJHJlZlwiOlwiMzZcIn19LFwiSXNWaXNpYmxlXCI6dHJ1ZSxcIldpZHRoXCI6MC4wLFwiSGVpZ2h0XCI6MC4wLFwiQm9yZGVyU3R5bGVcIjpudWxsfSxcIkRhdGVGb3JtYXRcIjp7XCIkaWRcIjpcIjE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gzXCIsXCJIZWFkZXJTdHlsZVwiOntcIiRpZFwiOlwiMTg0XCIsXCJUZXh0U3R5bGVcIjp7XCIkaWRcIjpcIjE4NVwiLFwiRm9udFNldHRpbmdzXCI6e1wiJGlkXCI6XCIxODZcIixcIkZvbnRTaXplXCI6MTIsXCJGb250TmFtZVwiOlwiQ2FsaWJyaVwiLFwiSXNCb2xkXCI6ZmFsc2UsXCJJc0l0YWxpY1wiOmZhbHNlLFwiSXNVbmRlcmxpbmVkXCI6ZmFsc2V9LFwiQXV0b1NpemVcIjowLFwiRm9yZWdyb3VuZFwiOntcIiRpZFwiOlwiMTg3XCIsXCJDb2xvclwiOntcIiRpZFwiOlwiMTg4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xM1wiLFwiVG9wXCI6MC4wLFwiTGVmdFwiOjAuMCxcIlJpZ2h0XCI6MC4wLFwiQm90dG9tXCI6MC4wfSxcIlBhZGRpbmdcIjp7XCIkaWRcIjpcIjIxNFwiLFwiVG9wXCI6MC4wLFwiTGVmdFwiOjAuMCxcIlJpZ2h0XCI6MC4wLFwiQm90dG9tXCI6MC4wfSxcIkJhY2tncm91bmRcIjpudWxsLFwiSXNWaXNpYmxlXCI6dHJ1ZSxcIldpZHRoXCI6MC4wLFwiSGVpZ2h0XCI6MC4wLFwiQm9yZGVyU3R5bGVcIjpudWxsfSxcIlJlY3RhbmdsZVN0eWxlXCI6e1wiJGlkXCI6XCIyMTVcIi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QzpcXFVzZXJzXFxMU0kgSVRcXE9uZURyaXZlIC0gSW52ZW5pbyBCdXNpbmVzcyBTb2x1dGlvbnMgUHZ0LiBMdGRcXERvY3VtZW50c1xcTmVicmFza2FcXFBsYW5cXFBoYXNlIElJIERhdGEgNV8yMDI1Lnhsc3giLCJUaW1lQ29uZmlndXJhdGlvbiI6eyIkaWQiOiIxMjYz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xMjY0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ENDDATE" val="2025-10-17T23:59:00.000000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23T00:00:00.0000000"/>
  <p:tag name="OTLENDDATE" val="2025-06-27T23:59:00.0000000"/>
  <p:tag name="OTLDURATIONFORMAT" val="day"/>
  <p:tag name="OTLSPACING" val="5"/>
  <p:tag name="OTLSHAPETHICKNESSTYPE" val="Thin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29T00:00:00.0000000"/>
  <p:tag name="OTLENDDATE" val="2025-07-11T23:59:00.0000000"/>
  <p:tag name="OTLDURATIONFORMAT" val="day"/>
  <p:tag name="OTLSPACING" val="5"/>
  <p:tag name="OTLSHAPETHICKNESSTYPE" val="Thin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14T00:00:00.0000000"/>
  <p:tag name="OTLENDDATE" val="2025-07-18T23:59:00.0000000"/>
  <p:tag name="OTLDURATIONFORMAT" val="day"/>
  <p:tag name="OTLSPACING" val="5"/>
  <p:tag name="OTLSHAPETHICKNESSTYPE" val="Thin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21T00:00:00.0000000"/>
  <p:tag name="OTLENDDATE" val="2025-08-01T23:59:00.0000000"/>
  <p:tag name="OTLDURATIONFORMAT" val="day"/>
  <p:tag name="OTLSPACING" val="5"/>
  <p:tag name="OTLSHAPETHICKNESSTYPE" val="Thin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27T00:00:00.0000000"/>
  <p:tag name="OTLENDDATE" val="2025-08-01T23:59:00.0000000"/>
  <p:tag name="OTLDURATIONFORMAT" val="day"/>
  <p:tag name="OTLSPACING" val="5"/>
  <p:tag name="OTLSHAPETHICKNESSTYPE" val="Thin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04T00:00:00.0000000"/>
  <p:tag name="OTLENDDATE" val="2025-08-15T23:59:00.0000000"/>
  <p:tag name="OTLDURATIONFORMAT" val="day"/>
  <p:tag name="OTLSPACING" val="5"/>
  <p:tag name="OTLSHAPETHICKNESSTYPE" val="Thin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18T00:00:00.0000000"/>
  <p:tag name="OTLENDDATE" val="2025-08-22T23:59:00.0000000"/>
  <p:tag name="OTLDURATIONFORMAT" val="day"/>
  <p:tag name="OTLSPACING" val="5"/>
  <p:tag name="OTLSHAPETHICKNESSTYPE" val="Thin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25T00:00:00.0000000"/>
  <p:tag name="OTLENDDATE" val="2025-09-05T23:59:00.0000000"/>
  <p:tag name="OTLDURATIONFORMAT" val="day"/>
  <p:tag name="OTLSPACING" val="5"/>
  <p:tag name="OTLSHAPETHICKNESSTYPE" val="Thin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5-09-16T00:00:00.0000000Z"/>
  <p:tag name="OTLENDDATE" val="2025-10-16T23:59:00.0000000Z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MTITLE" val="Position Description: NSCS, UNOP, UNK  "/>
  <p:tag name="OTLDATE" val="2025-05-15T23:59:00.0000000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MTITLE" val="Position Description: UNO"/>
  <p:tag name="OTLDATE" val="2025-08-01T23:59:00.0000000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roduction System Available for Use"/>
  <p:tag name="OTLDATE" val="2025-09-08T23:59:00.0000000"/>
  <p:tag name="OTLPOSITIONONTASK" val="None"/>
  <p:tag name="OTLRELATEDTASKID" val="00000000-0000-0000-0000-000000000000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25-06-16T23:59:00.0000000"/>
  <p:tag name="OTLPOSITIONONTASK" val="None"/>
  <p:tag name="OTLRELATEDTASKID" val="00000000-0000-0000-0000-000000000000"/>
  <p:tag name="OTLMTITLE" val="Job Board: NSCS, UNOP, UNK  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Job Board: UNO"/>
  <p:tag name="OTLPOSITIONONTASK" val="None"/>
  <p:tag name="OTLRELATEDTASKID" val="00000000-0000-0000-0000-000000000000"/>
  <p:tag name="OTLDATE" val="2025-09-02T23:59:00.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MTITLE" val="Position Description: UNMC"/>
  <p:tag name="OTLDATE" val="2025-08-12T23:59:00.0000000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MTITLE" val="Job Board: UNMC"/>
  <p:tag name="OTLDATE" val="2025-09-16T23:59:00.000000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MTITLE" val="Position Description: UNL"/>
  <p:tag name="OTLDATE" val="2025-08-12T23:59:00.0000000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F Production: NSCS, UNOP, UNK "/>
  <p:tag name="OTLDATE" val="2025-06-04T23:59:00.0000000"/>
  <p:tag name="OTLPOSITIONONTASK" val="None"/>
  <p:tag name="OTLRELATEDTASKID" val="00000000-0000-0000-0000-00000000000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F Production: UNO"/>
  <p:tag name="OTLDATE" val="2025-08-25T23:59:00.0000000"/>
  <p:tag name="OTLPOSITIONONTASK" val="None"/>
  <p:tag name="OTLRELATEDTASKID" val="00000000-0000-0000-0000-00000000000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F Production: UNMC"/>
  <p:tag name="OTLDATE" val="2025-09-15T23:59:00.0000000"/>
  <p:tag name="OTLPOSITIONONTASK" val="None"/>
  <p:tag name="OTLRELATEDTASKID" val="00000000-0000-0000-0000-00000000000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SF Production: UNL"/>
  <p:tag name="OTLDATE" val="2025-09-16T23:59:00.0000000"/>
  <p:tag name="OTLPOSITIONONTASK" val="None"/>
  <p:tag name="OTLRELATEDTASKID" val="00000000-0000-0000-0000-00000000000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Job Board: UNL"/>
  <p:tag name="OTLDATE" val="2025-09-16T23:59:00.0000000"/>
  <p:tag name="OTLPOSITIONONTASK" val="None"/>
  <p:tag name="OTLRELATEDTASKID" val="00000000-0000-0000-0000-00000000000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135</TotalTime>
  <Words>206</Words>
  <Application>Microsoft Office PowerPoint</Application>
  <PresentationFormat>Widescreen</PresentationFormat>
  <Paragraphs>6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ptos</vt:lpstr>
      <vt:lpstr>Aptos Display</vt:lpstr>
      <vt:lpstr>Arial</vt:lpstr>
      <vt:lpstr>Calibri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>James Fragala</dc:creator>
  <cp:lastModifiedBy>James Fragala</cp:lastModifiedBy>
  <cp:revision>8</cp:revision>
  <cp:lastPrinted>2025-01-20T19:58:04Z</cp:lastPrinted>
  <dcterms:created xsi:type="dcterms:W3CDTF">2025-01-16T20:13:37Z</dcterms:created>
  <dcterms:modified xsi:type="dcterms:W3CDTF">2025-05-20T14:10:13Z</dcterms:modified>
</cp:coreProperties>
</file>